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filterPrivacy="1" defaultThemeVersion="124226"/>
  <bookViews>
    <workbookView xWindow="0" yWindow="0" windowWidth="20490" windowHeight="7770" tabRatio="855"/>
  </bookViews>
  <sheets>
    <sheet name="注記" sheetId="51" r:id="rId1"/>
    <sheet name="有形固定資産等明細表" sheetId="49" r:id="rId2"/>
    <sheet name="出資金明細" sheetId="48" r:id="rId3"/>
    <sheet name="引当金明細表" sheetId="50" r:id="rId4"/>
  </sheets>
  <externalReferences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CTI番号" localSheetId="3">#REF!</definedName>
    <definedName name="CTI番号" localSheetId="2">#REF!</definedName>
    <definedName name="CTI番号" localSheetId="1">#REF!</definedName>
    <definedName name="CTI番号">#REF!</definedName>
    <definedName name="DB型２" localSheetId="3">[1]リスト!$A$2:$A$4</definedName>
    <definedName name="DB型２" localSheetId="1">[1]リスト!$A$2:$A$4</definedName>
    <definedName name="DB型２">[2]リスト!$A$2:$A$4</definedName>
    <definedName name="FAX番号" localSheetId="3">#REF!</definedName>
    <definedName name="FAX番号" localSheetId="2">#REF!</definedName>
    <definedName name="FAX番号" localSheetId="1">#REF!</definedName>
    <definedName name="FAX番号">#REF!</definedName>
    <definedName name="FDDW0012new">[3]リスト!$A$2:$A$4</definedName>
    <definedName name="fffff">[4]リスト!$A$2:$A$4</definedName>
    <definedName name="_xlnm.Print_Area" localSheetId="3">引当金明細表!$A$1:$O$20</definedName>
    <definedName name="_xlnm.Print_Area" localSheetId="2">出資金明細!$A$1:$R$13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 localSheetId="3">#REF!</definedName>
    <definedName name="UI変更有無" localSheetId="2">#REF!</definedName>
    <definedName name="UI変更有無" localSheetId="1">#REF!</definedName>
    <definedName name="UI変更有無">#REF!</definedName>
    <definedName name="エスカレーション担当者" localSheetId="3">#REF!</definedName>
    <definedName name="エスカレーション担当者" localSheetId="2">#REF!</definedName>
    <definedName name="エスカレーション担当者" localSheetId="1">#REF!</definedName>
    <definedName name="エスカレーション担当者">#REF!</definedName>
    <definedName name="エスカレーション日時" localSheetId="3">#REF!</definedName>
    <definedName name="エスカレーション日時" localSheetId="2">#REF!</definedName>
    <definedName name="エスカレーション日時" localSheetId="1">#REF!</definedName>
    <definedName name="エスカレーション日時">#REF!</definedName>
    <definedName name="オンライン障害" localSheetId="3">#REF!</definedName>
    <definedName name="オンライン障害" localSheetId="2">#REF!</definedName>
    <definedName name="オンライン障害" localSheetId="1">#REF!</definedName>
    <definedName name="オンライン障害">#REF!</definedName>
    <definedName name="カテゴリ１" localSheetId="3">#REF!</definedName>
    <definedName name="カテゴリ１" localSheetId="2">#REF!</definedName>
    <definedName name="カテゴリ１" localSheetId="1">#REF!</definedName>
    <definedName name="カテゴリ１">#REF!</definedName>
    <definedName name="カテゴリ２" localSheetId="3">#REF!</definedName>
    <definedName name="カテゴリ２" localSheetId="2">#REF!</definedName>
    <definedName name="カテゴリ２" localSheetId="1">#REF!</definedName>
    <definedName name="カテゴリ２">#REF!</definedName>
    <definedName name="カテゴリ３" localSheetId="3">#REF!</definedName>
    <definedName name="カテゴリ３" localSheetId="2">#REF!</definedName>
    <definedName name="カテゴリ３" localSheetId="1">#REF!</definedName>
    <definedName name="カテゴリ３">#REF!</definedName>
    <definedName name="グループ" localSheetId="3">#REF!</definedName>
    <definedName name="グループ" localSheetId="2">#REF!</definedName>
    <definedName name="グループ" localSheetId="1">#REF!</definedName>
    <definedName name="グループ">#REF!</definedName>
    <definedName name="ご連絡先" localSheetId="3">#REF!</definedName>
    <definedName name="ご連絡先" localSheetId="2">#REF!</definedName>
    <definedName name="ご連絡先" localSheetId="1">#REF!</definedName>
    <definedName name="ご連絡先">#REF!</definedName>
    <definedName name="チェックフラグ" localSheetId="3">#REF!</definedName>
    <definedName name="チェックフラグ" localSheetId="2">#REF!</definedName>
    <definedName name="チェックフラグ" localSheetId="1">#REF!</definedName>
    <definedName name="チェックフラグ">#REF!</definedName>
    <definedName name="データパッチ" localSheetId="3">#REF!</definedName>
    <definedName name="データパッチ" localSheetId="2">#REF!</definedName>
    <definedName name="データパッチ" localSheetId="1">#REF!</definedName>
    <definedName name="データパッチ">#REF!</definedName>
    <definedName name="プログラム修正" localSheetId="3">#REF!</definedName>
    <definedName name="プログラム修正" localSheetId="2">#REF!</definedName>
    <definedName name="プログラム修正" localSheetId="1">#REF!</definedName>
    <definedName name="プログラム修正">#REF!</definedName>
    <definedName name="リリース日" localSheetId="3">#REF!</definedName>
    <definedName name="リリース日" localSheetId="2">#REF!</definedName>
    <definedName name="リリース日" localSheetId="1">#REF!</definedName>
    <definedName name="リリース日">#REF!</definedName>
    <definedName name="運用SE受領日時" localSheetId="3">#REF!</definedName>
    <definedName name="運用SE受領日時" localSheetId="2">#REF!</definedName>
    <definedName name="運用SE受領日時" localSheetId="1">#REF!</definedName>
    <definedName name="運用SE受領日時">#REF!</definedName>
    <definedName name="運用SE担当者" localSheetId="3">#REF!</definedName>
    <definedName name="運用SE担当者" localSheetId="2">#REF!</definedName>
    <definedName name="運用SE担当者" localSheetId="1">#REF!</definedName>
    <definedName name="運用SE担当者">#REF!</definedName>
    <definedName name="影響範囲" localSheetId="3">#REF!</definedName>
    <definedName name="影響範囲" localSheetId="2">#REF!</definedName>
    <definedName name="影響範囲" localSheetId="1">#REF!</definedName>
    <definedName name="影響範囲">#REF!</definedName>
    <definedName name="画面ID" localSheetId="3">#REF!</definedName>
    <definedName name="画面ID" localSheetId="2">#REF!</definedName>
    <definedName name="画面ID" localSheetId="1">#REF!</definedName>
    <definedName name="画面ID">#REF!</definedName>
    <definedName name="画面名" localSheetId="3">#REF!</definedName>
    <definedName name="画面名" localSheetId="2">#REF!</definedName>
    <definedName name="画面名" localSheetId="1">#REF!</definedName>
    <definedName name="画面名">#REF!</definedName>
    <definedName name="回復確認日時" localSheetId="3">#REF!</definedName>
    <definedName name="回復確認日時" localSheetId="2">#REF!</definedName>
    <definedName name="回復確認日時" localSheetId="1">#REF!</definedName>
    <definedName name="回復確認日時">#REF!</definedName>
    <definedName name="確認担当者" localSheetId="3">#REF!</definedName>
    <definedName name="確認担当者" localSheetId="2">#REF!</definedName>
    <definedName name="確認担当者" localSheetId="1">#REF!</definedName>
    <definedName name="確認担当者">#REF!</definedName>
    <definedName name="勘定科目テーブル">[5]勘定科目!$A$7:$X$577</definedName>
    <definedName name="管理番号" localSheetId="3">#REF!</definedName>
    <definedName name="管理番号" localSheetId="2">#REF!</definedName>
    <definedName name="管理番号" localSheetId="1">#REF!</definedName>
    <definedName name="管理番号">#REF!</definedName>
    <definedName name="件名" localSheetId="3">#REF!</definedName>
    <definedName name="件名" localSheetId="2">#REF!</definedName>
    <definedName name="件名" localSheetId="1">#REF!</definedName>
    <definedName name="件名">#REF!</definedName>
    <definedName name="原因分類" localSheetId="3">#REF!</definedName>
    <definedName name="原因分類" localSheetId="2">#REF!</definedName>
    <definedName name="原因分類" localSheetId="1">#REF!</definedName>
    <definedName name="原因分類">#REF!</definedName>
    <definedName name="公開不可" localSheetId="3">#REF!</definedName>
    <definedName name="公開不可" localSheetId="2">#REF!</definedName>
    <definedName name="公開不可" localSheetId="1">#REF!</definedName>
    <definedName name="公開不可">#REF!</definedName>
    <definedName name="作業日時開始" localSheetId="3">#REF!</definedName>
    <definedName name="作業日時開始" localSheetId="2">#REF!</definedName>
    <definedName name="作業日時開始" localSheetId="1">#REF!</definedName>
    <definedName name="作業日時開始">#REF!</definedName>
    <definedName name="作業日時終了" localSheetId="3">#REF!</definedName>
    <definedName name="作業日時終了" localSheetId="2">#REF!</definedName>
    <definedName name="作業日時終了" localSheetId="1">#REF!</definedName>
    <definedName name="作業日時終了">#REF!</definedName>
    <definedName name="受付区分" localSheetId="3">#REF!</definedName>
    <definedName name="受付区分" localSheetId="2">#REF!</definedName>
    <definedName name="受付区分" localSheetId="1">#REF!</definedName>
    <definedName name="受付区分">#REF!</definedName>
    <definedName name="受付時間" localSheetId="3">#REF!</definedName>
    <definedName name="受付時間" localSheetId="2">#REF!</definedName>
    <definedName name="受付時間" localSheetId="1">#REF!</definedName>
    <definedName name="受付時間">#REF!</definedName>
    <definedName name="受付日" localSheetId="3">#REF!</definedName>
    <definedName name="受付日" localSheetId="2">#REF!</definedName>
    <definedName name="受付日" localSheetId="1">#REF!</definedName>
    <definedName name="受付日">#REF!</definedName>
    <definedName name="受付日時" localSheetId="3">#REF!</definedName>
    <definedName name="受付日時" localSheetId="2">#REF!</definedName>
    <definedName name="受付日時" localSheetId="1">#REF!</definedName>
    <definedName name="受付日時">#REF!</definedName>
    <definedName name="収入未済" localSheetId="3">#REF!</definedName>
    <definedName name="収入未済" localSheetId="2">#REF!</definedName>
    <definedName name="収入未済" localSheetId="1">#REF!</definedName>
    <definedName name="収入未済">#REF!</definedName>
    <definedName name="所属" localSheetId="3">#REF!</definedName>
    <definedName name="所属" localSheetId="2">#REF!</definedName>
    <definedName name="所属" localSheetId="1">#REF!</definedName>
    <definedName name="所属">#REF!</definedName>
    <definedName name="詳細コード" localSheetId="3">#REF!</definedName>
    <definedName name="詳細コード" localSheetId="2">#REF!</definedName>
    <definedName name="詳細コード" localSheetId="1">#REF!</definedName>
    <definedName name="詳細コード">#REF!</definedName>
    <definedName name="障害発生日時" localSheetId="3">#REF!</definedName>
    <definedName name="障害発生日時" localSheetId="2">#REF!</definedName>
    <definedName name="障害発生日時" localSheetId="1">#REF!</definedName>
    <definedName name="障害発生日時">#REF!</definedName>
    <definedName name="状態" localSheetId="3">#REF!</definedName>
    <definedName name="状態" localSheetId="2">#REF!</definedName>
    <definedName name="状態" localSheetId="1">#REF!</definedName>
    <definedName name="状態">#REF!</definedName>
    <definedName name="職員番号" localSheetId="3">#REF!</definedName>
    <definedName name="職員番号" localSheetId="2">#REF!</definedName>
    <definedName name="職員番号" localSheetId="1">#REF!</definedName>
    <definedName name="職員番号">#REF!</definedName>
    <definedName name="職員名" localSheetId="3">#REF!</definedName>
    <definedName name="職員名" localSheetId="2">#REF!</definedName>
    <definedName name="職員名" localSheetId="1">#REF!</definedName>
    <definedName name="職員名">#REF!</definedName>
    <definedName name="切り分け完了日時" localSheetId="3">#REF!</definedName>
    <definedName name="切り分け完了日時" localSheetId="2">#REF!</definedName>
    <definedName name="切り分け完了日時" localSheetId="1">#REF!</definedName>
    <definedName name="切り分け完了日時">#REF!</definedName>
    <definedName name="切り分け担当者" localSheetId="3">#REF!</definedName>
    <definedName name="切り分け担当者" localSheetId="2">#REF!</definedName>
    <definedName name="切り分け担当者" localSheetId="1">#REF!</definedName>
    <definedName name="切り分け担当者">#REF!</definedName>
    <definedName name="対応サブシステムコード" localSheetId="3">#REF!</definedName>
    <definedName name="対応サブシステムコード" localSheetId="2">#REF!</definedName>
    <definedName name="対応サブシステムコード" localSheetId="1">#REF!</definedName>
    <definedName name="対応サブシステムコード">#REF!</definedName>
    <definedName name="対応サブシステム名" localSheetId="3">#REF!</definedName>
    <definedName name="対応サブシステム名" localSheetId="2">#REF!</definedName>
    <definedName name="対応サブシステム名" localSheetId="1">#REF!</definedName>
    <definedName name="対応サブシステム名">#REF!</definedName>
    <definedName name="対応システムコード" localSheetId="3">#REF!</definedName>
    <definedName name="対応システムコード" localSheetId="2">#REF!</definedName>
    <definedName name="対応システムコード" localSheetId="1">#REF!</definedName>
    <definedName name="対応システムコード">#REF!</definedName>
    <definedName name="対応システム名" localSheetId="3">#REF!</definedName>
    <definedName name="対応システム名" localSheetId="2">#REF!</definedName>
    <definedName name="対応システム名" localSheetId="1">#REF!</definedName>
    <definedName name="対応システム名">#REF!</definedName>
    <definedName name="対応策" localSheetId="3">#REF!</definedName>
    <definedName name="対応策" localSheetId="2">#REF!</definedName>
    <definedName name="対応策" localSheetId="1">#REF!</definedName>
    <definedName name="対応策">#REF!</definedName>
    <definedName name="対応策立案日時" localSheetId="3">#REF!</definedName>
    <definedName name="対応策立案日時" localSheetId="2">#REF!</definedName>
    <definedName name="対応策立案日時" localSheetId="1">#REF!</definedName>
    <definedName name="対応策立案日時">#REF!</definedName>
    <definedName name="対応変更結果" localSheetId="3">#REF!</definedName>
    <definedName name="対応変更結果" localSheetId="2">#REF!</definedName>
    <definedName name="対応変更結果" localSheetId="1">#REF!</definedName>
    <definedName name="対応変更結果">#REF!</definedName>
    <definedName name="担当Ope" localSheetId="3">#REF!</definedName>
    <definedName name="担当Ope" localSheetId="2">#REF!</definedName>
    <definedName name="担当Ope" localSheetId="1">#REF!</definedName>
    <definedName name="担当Ope">#REF!</definedName>
    <definedName name="担当者" localSheetId="3">#REF!</definedName>
    <definedName name="担当者" localSheetId="2">#REF!</definedName>
    <definedName name="担当者" localSheetId="1">#REF!</definedName>
    <definedName name="担当者">#REF!</definedName>
    <definedName name="調査結果内容" localSheetId="3">#REF!</definedName>
    <definedName name="調査結果内容" localSheetId="2">#REF!</definedName>
    <definedName name="調査結果内容" localSheetId="1">#REF!</definedName>
    <definedName name="調査結果内容">#REF!</definedName>
    <definedName name="調査内容" localSheetId="3">#REF!</definedName>
    <definedName name="調査内容" localSheetId="2">#REF!</definedName>
    <definedName name="調査内容" localSheetId="1">#REF!</definedName>
    <definedName name="調査内容">#REF!</definedName>
    <definedName name="適用日" localSheetId="3">#REF!</definedName>
    <definedName name="適用日" localSheetId="2">#REF!</definedName>
    <definedName name="適用日" localSheetId="1">#REF!</definedName>
    <definedName name="適用日">#REF!</definedName>
    <definedName name="電話番号" localSheetId="3">#REF!</definedName>
    <definedName name="電話番号" localSheetId="2">#REF!</definedName>
    <definedName name="電話番号" localSheetId="1">#REF!</definedName>
    <definedName name="電話番号">#REF!</definedName>
    <definedName name="内線" localSheetId="3">#REF!</definedName>
    <definedName name="内線" localSheetId="2">#REF!</definedName>
    <definedName name="内線" localSheetId="1">#REF!</definedName>
    <definedName name="内線">#REF!</definedName>
    <definedName name="納期設定" localSheetId="3">#REF!</definedName>
    <definedName name="納期設定" localSheetId="2">#REF!</definedName>
    <definedName name="納期設定" localSheetId="1">#REF!</definedName>
    <definedName name="納期設定">#REF!</definedName>
    <definedName name="表示金額単位" localSheetId="3">'[6]設定シート(概要版)'!$A$22:$A$27</definedName>
    <definedName name="表示金額単位" localSheetId="1">'[6]設定シート(概要版)'!$A$22:$A$27</definedName>
    <definedName name="表示金額単位">'[7]設定シート(概要版)'!$A$22:$A$27</definedName>
    <definedName name="表示金額単位先頭" localSheetId="3">'[6]設定シート(概要版)'!$A$22</definedName>
    <definedName name="表示金額単位先頭" localSheetId="1">'[6]設定シート(概要版)'!$A$22</definedName>
    <definedName name="表示金額単位先頭">'[7]設定シート(概要版)'!$A$22</definedName>
    <definedName name="表示金額単位表" localSheetId="3">'[6]設定シート(概要版)'!$A$22:$C$27</definedName>
    <definedName name="表示金額単位表" localSheetId="1">'[6]設定シート(概要版)'!$A$22:$C$27</definedName>
    <definedName name="表示金額単位表">'[7]設定シート(概要版)'!$A$22:$C$27</definedName>
    <definedName name="部署" localSheetId="3">#REF!</definedName>
    <definedName name="部署" localSheetId="2">#REF!</definedName>
    <definedName name="部署" localSheetId="1">#REF!</definedName>
    <definedName name="部署">#REF!</definedName>
    <definedName name="変更環境" localSheetId="3">#REF!</definedName>
    <definedName name="変更環境" localSheetId="2">#REF!</definedName>
    <definedName name="変更環境" localSheetId="1">#REF!</definedName>
    <definedName name="変更環境">#REF!</definedName>
    <definedName name="変更情報変更点" localSheetId="3">#REF!</definedName>
    <definedName name="変更情報変更点" localSheetId="2">#REF!</definedName>
    <definedName name="変更情報変更点" localSheetId="1">#REF!</definedName>
    <definedName name="変更情報変更点">#REF!</definedName>
    <definedName name="変更内容" localSheetId="3">#REF!</definedName>
    <definedName name="変更内容" localSheetId="2">#REF!</definedName>
    <definedName name="変更内容" localSheetId="1">#REF!</definedName>
    <definedName name="変更内容">#REF!</definedName>
    <definedName name="凡例" localSheetId="3">[8]リスト!$B$2:$B$8</definedName>
    <definedName name="凡例" localSheetId="1">[8]リスト!$B$2:$B$8</definedName>
    <definedName name="凡例">[9]リスト!$B$2:$B$8</definedName>
    <definedName name="問合せ区分" localSheetId="3">#REF!</definedName>
    <definedName name="問合せ区分" localSheetId="2">#REF!</definedName>
    <definedName name="問合せ区分" localSheetId="1">#REF!</definedName>
    <definedName name="問合せ区分">#REF!</definedName>
    <definedName name="有り無し" localSheetId="3">[8]リスト!$A$2:$A$3</definedName>
    <definedName name="有り無し" localSheetId="1">[8]リスト!$A$2:$A$3</definedName>
    <definedName name="有り無し">[9]リスト!$A$2:$A$3</definedName>
    <definedName name="立案担当者" localSheetId="3">#REF!</definedName>
    <definedName name="立案担当者" localSheetId="2">#REF!</definedName>
    <definedName name="立案担当者" localSheetId="1">#REF!</definedName>
    <definedName name="立案担当者">#REF!</definedName>
    <definedName name="連絡事項" localSheetId="3">#REF!</definedName>
    <definedName name="連絡事項" localSheetId="2">#REF!</definedName>
    <definedName name="連絡事項" localSheetId="1">#REF!</definedName>
    <definedName name="連絡事項">#REF!</definedName>
  </definedNames>
  <calcPr calcId="152511"/>
</workbook>
</file>

<file path=xl/calcChain.xml><?xml version="1.0" encoding="utf-8"?>
<calcChain xmlns="http://schemas.openxmlformats.org/spreadsheetml/2006/main">
  <c r="M11" i="48" l="1"/>
  <c r="O11" i="48" s="1"/>
  <c r="Q11" i="48" l="1"/>
  <c r="P12" i="48" l="1"/>
  <c r="J12" i="48"/>
  <c r="I12" i="48"/>
  <c r="Q12" i="48" l="1"/>
</calcChain>
</file>

<file path=xl/sharedStrings.xml><?xml version="1.0" encoding="utf-8"?>
<sst xmlns="http://schemas.openxmlformats.org/spreadsheetml/2006/main" count="100" uniqueCount="81">
  <si>
    <t>合　　　　計</t>
    <rPh sb="0" eb="1">
      <t>ア</t>
    </rPh>
    <rPh sb="5" eb="6">
      <t>ケイ</t>
    </rPh>
    <phoneticPr fontId="2"/>
  </si>
  <si>
    <t>相手先名</t>
    <rPh sb="0" eb="3">
      <t>アイテサキ</t>
    </rPh>
    <rPh sb="3" eb="4">
      <t>メイ</t>
    </rPh>
    <phoneticPr fontId="2"/>
  </si>
  <si>
    <t>資産</t>
    <rPh sb="0" eb="2">
      <t>シサン</t>
    </rPh>
    <phoneticPr fontId="2"/>
  </si>
  <si>
    <t>負債</t>
    <rPh sb="0" eb="2">
      <t>フサイ</t>
    </rPh>
    <phoneticPr fontId="2"/>
  </si>
  <si>
    <t>純資産額</t>
    <rPh sb="0" eb="3">
      <t>ジュンシサン</t>
    </rPh>
    <rPh sb="3" eb="4">
      <t>ガク</t>
    </rPh>
    <phoneticPr fontId="2"/>
  </si>
  <si>
    <t>実質価額</t>
    <rPh sb="0" eb="2">
      <t>ジッシツ</t>
    </rPh>
    <rPh sb="2" eb="4">
      <t>カガク</t>
    </rPh>
    <phoneticPr fontId="2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23"/>
  </si>
  <si>
    <t>取得原価</t>
    <rPh sb="0" eb="2">
      <t>シュトク</t>
    </rPh>
    <rPh sb="2" eb="4">
      <t>ゲンカ</t>
    </rPh>
    <phoneticPr fontId="23"/>
  </si>
  <si>
    <t>出えん等比率（％）</t>
    <rPh sb="0" eb="1">
      <t>シュツ</t>
    </rPh>
    <rPh sb="3" eb="4">
      <t>トウ</t>
    </rPh>
    <rPh sb="4" eb="6">
      <t>ヒリツ</t>
    </rPh>
    <phoneticPr fontId="2"/>
  </si>
  <si>
    <t>①</t>
    <phoneticPr fontId="2"/>
  </si>
  <si>
    <t>②</t>
    <phoneticPr fontId="2"/>
  </si>
  <si>
    <t>③</t>
    <phoneticPr fontId="2"/>
  </si>
  <si>
    <t>④＝②－③</t>
    <phoneticPr fontId="2"/>
  </si>
  <si>
    <t>⑤</t>
    <phoneticPr fontId="2"/>
  </si>
  <si>
    <t>⑥＝④×⑤</t>
    <phoneticPr fontId="2"/>
  </si>
  <si>
    <t>⑦</t>
    <phoneticPr fontId="2"/>
  </si>
  <si>
    <t>①－⑦</t>
    <phoneticPr fontId="2"/>
  </si>
  <si>
    <t>（単位：円）</t>
    <rPh sb="4" eb="5">
      <t>エン</t>
    </rPh>
    <phoneticPr fontId="23"/>
  </si>
  <si>
    <t>強制評価減</t>
    <rPh sb="0" eb="2">
      <t>キョウセイ</t>
    </rPh>
    <rPh sb="2" eb="4">
      <t>ヒョウカ</t>
    </rPh>
    <rPh sb="4" eb="5">
      <t>ゲン</t>
    </rPh>
    <phoneticPr fontId="2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23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2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2"/>
  </si>
  <si>
    <t>一般会計</t>
  </si>
  <si>
    <t>ＩＣＴ戦略室</t>
  </si>
  <si>
    <t>ＩＣＴ戦略事業</t>
    <phoneticPr fontId="23"/>
  </si>
  <si>
    <t>地方公共団体情報システム機構</t>
    <phoneticPr fontId="23"/>
  </si>
  <si>
    <t>合　　　　計</t>
    <phoneticPr fontId="2"/>
  </si>
  <si>
    <t>信託受益権</t>
  </si>
  <si>
    <t>建設仮勘定</t>
  </si>
  <si>
    <t>ソフトウェア</t>
  </si>
  <si>
    <t>リース資産</t>
  </si>
  <si>
    <t>重要物品</t>
  </si>
  <si>
    <t>特許権等</t>
  </si>
  <si>
    <t>地上権等</t>
  </si>
  <si>
    <t>無形インフラ固定資産</t>
  </si>
  <si>
    <t>工作物</t>
  </si>
  <si>
    <t>建物</t>
  </si>
  <si>
    <t>土地</t>
  </si>
  <si>
    <t>有形インフラ固定資産</t>
  </si>
  <si>
    <t>インフラ資産</t>
  </si>
  <si>
    <t>無形事業用固定資産</t>
  </si>
  <si>
    <t>航空機</t>
  </si>
  <si>
    <t>浮標等</t>
  </si>
  <si>
    <t>船舶</t>
  </si>
  <si>
    <t>立木竹</t>
  </si>
  <si>
    <t>有形事業用固定資産</t>
  </si>
  <si>
    <t>事業用資産</t>
  </si>
  <si>
    <t>④－⑤</t>
    <phoneticPr fontId="2"/>
  </si>
  <si>
    <t>⑥</t>
    <phoneticPr fontId="2"/>
  </si>
  <si>
    <t>⑤</t>
    <phoneticPr fontId="2"/>
  </si>
  <si>
    <t>④＝①＋②－③</t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償却額</t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区分</t>
    <phoneticPr fontId="2"/>
  </si>
  <si>
    <t>（単位：円）</t>
    <phoneticPr fontId="2"/>
  </si>
  <si>
    <t>有 形 固 定 資 産 等 明 細 表</t>
    <phoneticPr fontId="2"/>
  </si>
  <si>
    <t>ＩＣＴ戦略事業</t>
  </si>
  <si>
    <t>合計</t>
    <rPh sb="0" eb="2">
      <t>ゴウケイ</t>
    </rPh>
    <phoneticPr fontId="2"/>
  </si>
  <si>
    <t>損失補償等引当金</t>
  </si>
  <si>
    <t>退職手当引当金</t>
  </si>
  <si>
    <t>賞与引当金</t>
  </si>
  <si>
    <t>貸倒引当金（固定：その他）</t>
  </si>
  <si>
    <t>貸倒引当金（固定：長期貸付金）</t>
  </si>
  <si>
    <t>貸倒引当金（固定：基金）</t>
  </si>
  <si>
    <t>貸倒引当金（流動：短期貸付金）</t>
  </si>
  <si>
    <t>貸倒引当金（流動：基金）</t>
  </si>
  <si>
    <t>貸倒引当金（流動：未収金）</t>
  </si>
  <si>
    <t>計</t>
    <rPh sb="0" eb="1">
      <t>ケイ</t>
    </rPh>
    <phoneticPr fontId="2"/>
  </si>
  <si>
    <t>その他</t>
    <rPh sb="2" eb="3">
      <t>タ</t>
    </rPh>
    <phoneticPr fontId="2"/>
  </si>
  <si>
    <t>目的使用</t>
    <rPh sb="0" eb="2">
      <t>モクテキ</t>
    </rPh>
    <rPh sb="2" eb="4">
      <t>シヨウ</t>
    </rPh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区分</t>
  </si>
  <si>
    <t>（単位：円）</t>
    <phoneticPr fontId="2"/>
  </si>
  <si>
    <t>引 当 金 明 細 表</t>
    <phoneticPr fontId="2"/>
  </si>
  <si>
    <t>該当事項はありません。</t>
    <rPh sb="0" eb="2">
      <t>ガイトウ</t>
    </rPh>
    <rPh sb="2" eb="4">
      <t>ジコウ</t>
    </rPh>
    <phoneticPr fontId="3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%"/>
    <numFmt numFmtId="177" formatCode="#,##0;&quot;▲ &quot;#,##0"/>
  </numFmts>
  <fonts count="4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24"/>
      <name val="ＭＳ 明朝"/>
      <family val="1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b/>
      <sz val="2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3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85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 applyFill="1">
      <alignment vertical="center"/>
    </xf>
    <xf numFmtId="0" fontId="27" fillId="0" borderId="0" xfId="46" applyFont="1" applyFill="1" applyAlignment="1">
      <alignment horizontal="right" vertical="center"/>
    </xf>
    <xf numFmtId="0" fontId="27" fillId="0" borderId="14" xfId="46" applyFont="1" applyFill="1" applyBorder="1" applyAlignment="1">
      <alignment horizontal="center" vertical="center" wrapText="1"/>
    </xf>
    <xf numFmtId="0" fontId="27" fillId="0" borderId="14" xfId="46" applyFont="1" applyFill="1" applyBorder="1" applyAlignment="1">
      <alignment horizontal="center" vertical="center"/>
    </xf>
    <xf numFmtId="0" fontId="27" fillId="0" borderId="18" xfId="46" applyFont="1" applyFill="1" applyBorder="1" applyAlignment="1">
      <alignment horizontal="center" vertical="center"/>
    </xf>
    <xf numFmtId="176" fontId="27" fillId="0" borderId="21" xfId="46" applyNumberFormat="1" applyFont="1" applyFill="1" applyBorder="1">
      <alignment vertical="center"/>
    </xf>
    <xf numFmtId="0" fontId="28" fillId="0" borderId="0" xfId="55" applyFont="1" applyFill="1" applyAlignment="1">
      <alignment horizontal="left" vertical="center"/>
    </xf>
    <xf numFmtId="177" fontId="27" fillId="0" borderId="21" xfId="46" applyNumberFormat="1" applyFont="1" applyFill="1" applyBorder="1">
      <alignment vertical="center"/>
    </xf>
    <xf numFmtId="177" fontId="27" fillId="0" borderId="22" xfId="46" applyNumberFormat="1" applyFont="1" applyFill="1" applyBorder="1">
      <alignment vertical="center"/>
    </xf>
    <xf numFmtId="177" fontId="26" fillId="0" borderId="21" xfId="46" applyNumberFormat="1" applyFont="1" applyBorder="1">
      <alignment vertical="center"/>
    </xf>
    <xf numFmtId="0" fontId="26" fillId="0" borderId="20" xfId="46" applyFont="1" applyFill="1" applyBorder="1" applyAlignment="1">
      <alignment vertical="center"/>
    </xf>
    <xf numFmtId="0" fontId="26" fillId="0" borderId="1" xfId="46" applyFont="1" applyFill="1" applyBorder="1" applyAlignment="1">
      <alignment vertical="center"/>
    </xf>
    <xf numFmtId="0" fontId="26" fillId="0" borderId="19" xfId="46" applyFont="1" applyFill="1" applyBorder="1" applyAlignment="1">
      <alignment vertical="center"/>
    </xf>
    <xf numFmtId="0" fontId="26" fillId="0" borderId="20" xfId="46" applyFont="1" applyBorder="1" applyAlignment="1">
      <alignment vertical="center"/>
    </xf>
    <xf numFmtId="0" fontId="26" fillId="0" borderId="1" xfId="46" applyFont="1" applyBorder="1" applyAlignment="1">
      <alignment vertical="center"/>
    </xf>
    <xf numFmtId="0" fontId="26" fillId="0" borderId="19" xfId="46" applyFont="1" applyBorder="1" applyAlignment="1">
      <alignment vertical="center"/>
    </xf>
    <xf numFmtId="0" fontId="26" fillId="0" borderId="18" xfId="46" applyFont="1" applyBorder="1" applyAlignment="1">
      <alignment horizontal="center" vertical="center"/>
    </xf>
    <xf numFmtId="0" fontId="26" fillId="0" borderId="14" xfId="46" applyFont="1" applyBorder="1" applyAlignment="1">
      <alignment horizontal="center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0" xfId="46" applyFont="1" applyAlignment="1">
      <alignment horizontal="right" vertical="center"/>
    </xf>
    <xf numFmtId="0" fontId="27" fillId="0" borderId="0" xfId="46" applyFont="1">
      <alignment vertical="center"/>
    </xf>
    <xf numFmtId="177" fontId="27" fillId="0" borderId="21" xfId="46" applyNumberFormat="1" applyFont="1" applyBorder="1">
      <alignment vertical="center"/>
    </xf>
    <xf numFmtId="0" fontId="27" fillId="0" borderId="21" xfId="46" applyFont="1" applyBorder="1" applyAlignment="1">
      <alignment horizontal="center" vertical="center"/>
    </xf>
    <xf numFmtId="0" fontId="27" fillId="0" borderId="0" xfId="46" applyFont="1" applyAlignment="1">
      <alignment horizontal="right" vertical="center"/>
    </xf>
    <xf numFmtId="0" fontId="27" fillId="0" borderId="0" xfId="46" quotePrefix="1" applyFont="1">
      <alignment vertical="center"/>
    </xf>
    <xf numFmtId="0" fontId="32" fillId="0" borderId="0" xfId="58" applyFont="1">
      <alignment vertical="center"/>
    </xf>
    <xf numFmtId="0" fontId="33" fillId="0" borderId="0" xfId="58" applyFont="1">
      <alignment vertical="center"/>
    </xf>
    <xf numFmtId="0" fontId="34" fillId="0" borderId="0" xfId="58" applyFont="1">
      <alignment vertical="center"/>
    </xf>
    <xf numFmtId="0" fontId="35" fillId="0" borderId="0" xfId="58" applyFont="1">
      <alignment vertical="center"/>
    </xf>
    <xf numFmtId="0" fontId="36" fillId="0" borderId="0" xfId="58" applyFont="1">
      <alignment vertical="center"/>
    </xf>
    <xf numFmtId="0" fontId="37" fillId="0" borderId="0" xfId="58" applyFont="1">
      <alignment vertical="center"/>
    </xf>
    <xf numFmtId="0" fontId="36" fillId="0" borderId="0" xfId="58" applyFont="1" applyBorder="1">
      <alignment vertical="center"/>
    </xf>
    <xf numFmtId="0" fontId="36" fillId="0" borderId="0" xfId="58" applyFont="1" applyBorder="1" applyAlignment="1">
      <alignment vertical="center" wrapText="1"/>
    </xf>
    <xf numFmtId="0" fontId="36" fillId="0" borderId="0" xfId="58" applyFont="1" applyBorder="1" applyAlignment="1">
      <alignment vertical="top" wrapText="1"/>
    </xf>
    <xf numFmtId="0" fontId="36" fillId="0" borderId="0" xfId="58" applyFont="1" applyBorder="1" applyAlignment="1">
      <alignment horizontal="left" vertical="top" wrapText="1"/>
    </xf>
    <xf numFmtId="0" fontId="40" fillId="0" borderId="0" xfId="46" applyFont="1" applyFill="1">
      <alignment vertical="center"/>
    </xf>
    <xf numFmtId="0" fontId="36" fillId="0" borderId="0" xfId="58" applyFont="1" applyBorder="1" applyAlignment="1">
      <alignment horizontal="left" vertical="top" wrapText="1"/>
    </xf>
    <xf numFmtId="0" fontId="39" fillId="0" borderId="0" xfId="58" applyFont="1" applyAlignment="1">
      <alignment horizontal="center" vertical="center"/>
    </xf>
    <xf numFmtId="0" fontId="36" fillId="0" borderId="0" xfId="58" applyFont="1" applyBorder="1" applyAlignment="1">
      <alignment horizontal="left" vertical="top"/>
    </xf>
    <xf numFmtId="0" fontId="25" fillId="0" borderId="0" xfId="46" applyFont="1" applyAlignment="1">
      <alignment horizontal="center" vertical="center"/>
    </xf>
    <xf numFmtId="0" fontId="29" fillId="0" borderId="0" xfId="46" applyFont="1" applyAlignment="1">
      <alignment horizontal="center" vertical="center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7" fillId="0" borderId="14" xfId="46" applyFont="1" applyFill="1" applyBorder="1" applyAlignment="1">
      <alignment horizontal="center" vertical="center" wrapText="1"/>
    </xf>
    <xf numFmtId="0" fontId="27" fillId="0" borderId="18" xfId="46" applyFont="1" applyFill="1" applyBorder="1" applyAlignment="1">
      <alignment horizontal="center" vertical="center" wrapText="1"/>
    </xf>
    <xf numFmtId="0" fontId="27" fillId="0" borderId="19" xfId="46" applyFont="1" applyFill="1" applyBorder="1" applyAlignment="1">
      <alignment vertical="center" wrapText="1"/>
    </xf>
    <xf numFmtId="0" fontId="27" fillId="0" borderId="1" xfId="46" applyFont="1" applyFill="1" applyBorder="1" applyAlignment="1">
      <alignment vertical="center" wrapText="1"/>
    </xf>
    <xf numFmtId="0" fontId="27" fillId="0" borderId="20" xfId="46" applyFont="1" applyFill="1" applyBorder="1" applyAlignment="1">
      <alignment vertical="center" wrapText="1"/>
    </xf>
    <xf numFmtId="0" fontId="27" fillId="0" borderId="19" xfId="46" applyFont="1" applyFill="1" applyBorder="1" applyAlignment="1">
      <alignment horizontal="center" vertical="center"/>
    </xf>
    <xf numFmtId="0" fontId="27" fillId="0" borderId="1" xfId="46" applyFont="1" applyFill="1" applyBorder="1" applyAlignment="1">
      <alignment horizontal="center" vertical="center"/>
    </xf>
    <xf numFmtId="0" fontId="27" fillId="0" borderId="20" xfId="46" applyFont="1" applyFill="1" applyBorder="1" applyAlignment="1">
      <alignment horizontal="center" vertical="center"/>
    </xf>
    <xf numFmtId="0" fontId="27" fillId="0" borderId="12" xfId="46" applyFont="1" applyFill="1" applyBorder="1" applyAlignment="1">
      <alignment horizontal="center" vertical="center"/>
    </xf>
    <xf numFmtId="0" fontId="27" fillId="0" borderId="2" xfId="46" applyFont="1" applyFill="1" applyBorder="1" applyAlignment="1">
      <alignment horizontal="center" vertical="center"/>
    </xf>
    <xf numFmtId="0" fontId="27" fillId="0" borderId="13" xfId="46" applyFont="1" applyFill="1" applyBorder="1" applyAlignment="1">
      <alignment horizontal="center" vertical="center"/>
    </xf>
    <xf numFmtId="0" fontId="27" fillId="0" borderId="15" xfId="46" applyFont="1" applyFill="1" applyBorder="1" applyAlignment="1">
      <alignment horizontal="center" vertical="center"/>
    </xf>
    <xf numFmtId="0" fontId="27" fillId="0" borderId="16" xfId="46" applyFont="1" applyFill="1" applyBorder="1" applyAlignment="1">
      <alignment horizontal="center" vertical="center"/>
    </xf>
    <xf numFmtId="0" fontId="27" fillId="0" borderId="17" xfId="46" applyFont="1" applyFill="1" applyBorder="1" applyAlignment="1">
      <alignment horizontal="center" vertical="center"/>
    </xf>
    <xf numFmtId="0" fontId="31" fillId="0" borderId="0" xfId="46" applyFont="1" applyAlignment="1">
      <alignment horizontal="center" vertical="center"/>
    </xf>
    <xf numFmtId="0" fontId="30" fillId="0" borderId="0" xfId="46" applyFont="1" applyAlignment="1">
      <alignment horizontal="center" vertical="center"/>
    </xf>
    <xf numFmtId="0" fontId="27" fillId="0" borderId="0" xfId="46" applyFont="1" applyAlignment="1">
      <alignment horizontal="center" vertical="center"/>
    </xf>
    <xf numFmtId="0" fontId="27" fillId="0" borderId="12" xfId="46" applyFont="1" applyBorder="1" applyAlignment="1">
      <alignment horizontal="center" vertical="center"/>
    </xf>
    <xf numFmtId="0" fontId="27" fillId="0" borderId="2" xfId="46" applyFont="1" applyBorder="1" applyAlignment="1">
      <alignment horizontal="center" vertical="center"/>
    </xf>
    <xf numFmtId="0" fontId="27" fillId="0" borderId="13" xfId="46" applyFont="1" applyBorder="1" applyAlignment="1">
      <alignment horizontal="center" vertical="center"/>
    </xf>
    <xf numFmtId="0" fontId="27" fillId="0" borderId="15" xfId="46" applyFont="1" applyBorder="1" applyAlignment="1">
      <alignment horizontal="center" vertical="center"/>
    </xf>
    <xf numFmtId="0" fontId="27" fillId="0" borderId="16" xfId="46" applyFont="1" applyBorder="1" applyAlignment="1">
      <alignment horizontal="center" vertical="center"/>
    </xf>
    <xf numFmtId="0" fontId="27" fillId="0" borderId="17" xfId="46" applyFont="1" applyBorder="1" applyAlignment="1">
      <alignment horizontal="center" vertical="center"/>
    </xf>
    <xf numFmtId="0" fontId="27" fillId="0" borderId="14" xfId="46" applyFont="1" applyBorder="1" applyAlignment="1">
      <alignment horizontal="center" vertical="center"/>
    </xf>
    <xf numFmtId="0" fontId="27" fillId="0" borderId="18" xfId="46" applyFont="1" applyBorder="1" applyAlignment="1">
      <alignment horizontal="center" vertical="center"/>
    </xf>
    <xf numFmtId="0" fontId="27" fillId="0" borderId="19" xfId="46" applyFont="1" applyBorder="1" applyAlignment="1">
      <alignment horizontal="center" vertical="center"/>
    </xf>
    <xf numFmtId="0" fontId="27" fillId="0" borderId="1" xfId="46" applyFont="1" applyBorder="1" applyAlignment="1">
      <alignment horizontal="center" vertical="center"/>
    </xf>
    <xf numFmtId="0" fontId="27" fillId="0" borderId="20" xfId="46" applyFont="1" applyBorder="1" applyAlignment="1">
      <alignment horizontal="center" vertical="center"/>
    </xf>
    <xf numFmtId="0" fontId="27" fillId="0" borderId="14" xfId="46" applyFont="1" applyBorder="1" applyAlignment="1">
      <alignment horizontal="center" vertical="center" wrapText="1"/>
    </xf>
    <xf numFmtId="0" fontId="27" fillId="0" borderId="18" xfId="46" applyFont="1" applyBorder="1" applyAlignment="1">
      <alignment horizontal="center" vertical="center" wrapText="1"/>
    </xf>
    <xf numFmtId="0" fontId="27" fillId="0" borderId="21" xfId="46" applyFont="1" applyBorder="1" applyAlignment="1">
      <alignment horizontal="left" vertical="center"/>
    </xf>
    <xf numFmtId="0" fontId="27" fillId="0" borderId="21" xfId="46" applyFont="1" applyBorder="1" applyAlignment="1">
      <alignment horizontal="center" vertical="center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4.xml"/><Relationship Id="rId13" Type="http://schemas.openxmlformats.org/officeDocument/2006/relationships/externalLink" Target="externalLinks/externalLink9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3.xml"/><Relationship Id="rId12" Type="http://schemas.openxmlformats.org/officeDocument/2006/relationships/externalLink" Target="externalLinks/externalLink8.xml"/><Relationship Id="rId17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1" Type="http://schemas.openxmlformats.org/officeDocument/2006/relationships/externalLink" Target="externalLinks/externalLink7.xml"/><Relationship Id="rId5" Type="http://schemas.openxmlformats.org/officeDocument/2006/relationships/externalLink" Target="externalLinks/externalLink1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6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620808\Desktop\&#36001;&#21209;&#35576;&#34920;&#31561;&#20316;&#25104;&#12510;&#12463;&#1252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252877/Desktop/&#9733;&#35430;&#31639;&#34920;&#20316;&#25104;&#24195;&#22580;&#9733;/0004795352000&#36001;&#21209;&#35576;&#34920;&#31561;&#20316;&#25104;&#12510;&#12463;&#12525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2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純資産変動計算書（本表））"/>
      <sheetName val="雛型（キャッシュフロー計算書（本表））"/>
      <sheetName val="雛型（引当金明細表（本表））"/>
      <sheetName val="雛型（有形固定資産等明細表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zoomScale="55" zoomScaleNormal="50" zoomScaleSheetLayoutView="55" workbookViewId="0"/>
  </sheetViews>
  <sheetFormatPr defaultRowHeight="13.5"/>
  <cols>
    <col min="1" max="1" width="4" style="28" customWidth="1"/>
    <col min="2" max="2" width="54.125" style="27" customWidth="1"/>
    <col min="3" max="3" width="60.5" style="27" customWidth="1"/>
    <col min="4" max="4" width="52.75" style="27" customWidth="1"/>
    <col min="5" max="16384" width="9" style="27"/>
  </cols>
  <sheetData>
    <row r="1" spans="1:4" s="37" customFormat="1" ht="22.5" customHeight="1">
      <c r="B1" s="8" t="s">
        <v>22</v>
      </c>
    </row>
    <row r="2" spans="1:4" s="37" customFormat="1" ht="22.5" customHeight="1">
      <c r="B2" s="8" t="s">
        <v>23</v>
      </c>
    </row>
    <row r="3" spans="1:4" s="37" customFormat="1" ht="22.5" customHeight="1">
      <c r="B3" s="8" t="s">
        <v>61</v>
      </c>
    </row>
    <row r="4" spans="1:4" ht="122.25" customHeight="1">
      <c r="A4" s="39" t="s">
        <v>80</v>
      </c>
      <c r="B4" s="39"/>
      <c r="C4" s="39"/>
      <c r="D4" s="39"/>
    </row>
    <row r="5" spans="1:4" s="31" customFormat="1" ht="36" customHeight="1">
      <c r="A5" s="32"/>
      <c r="B5" s="31" t="s">
        <v>79</v>
      </c>
    </row>
    <row r="6" spans="1:4" s="31" customFormat="1" ht="36" customHeight="1">
      <c r="A6" s="32"/>
    </row>
    <row r="7" spans="1:4" s="31" customFormat="1" ht="36" customHeight="1">
      <c r="A7" s="32"/>
      <c r="B7" s="35"/>
      <c r="C7" s="38"/>
      <c r="D7" s="38"/>
    </row>
    <row r="8" spans="1:4" s="31" customFormat="1" ht="36" customHeight="1">
      <c r="A8" s="32"/>
      <c r="B8" s="35"/>
      <c r="C8" s="38"/>
      <c r="D8" s="38"/>
    </row>
    <row r="9" spans="1:4" s="31" customFormat="1" ht="36" customHeight="1">
      <c r="A9" s="32"/>
      <c r="B9" s="36"/>
      <c r="C9" s="38"/>
      <c r="D9" s="38"/>
    </row>
    <row r="10" spans="1:4" s="31" customFormat="1" ht="36" customHeight="1">
      <c r="A10" s="32"/>
      <c r="B10" s="35"/>
      <c r="C10" s="38"/>
      <c r="D10" s="38"/>
    </row>
    <row r="11" spans="1:4" s="31" customFormat="1" ht="36" customHeight="1">
      <c r="A11" s="32"/>
      <c r="B11" s="35"/>
      <c r="C11" s="40"/>
      <c r="D11" s="40"/>
    </row>
    <row r="12" spans="1:4" s="31" customFormat="1" ht="36" customHeight="1">
      <c r="A12" s="32"/>
      <c r="B12" s="35"/>
      <c r="C12" s="38"/>
      <c r="D12" s="38"/>
    </row>
    <row r="13" spans="1:4" s="31" customFormat="1" ht="36" customHeight="1">
      <c r="A13" s="32"/>
      <c r="B13" s="34"/>
      <c r="C13" s="34"/>
      <c r="D13" s="33"/>
    </row>
    <row r="14" spans="1:4" s="31" customFormat="1" ht="36" customHeight="1">
      <c r="A14" s="32"/>
      <c r="B14" s="33"/>
      <c r="C14" s="33"/>
      <c r="D14" s="33"/>
    </row>
    <row r="15" spans="1:4" s="31" customFormat="1" ht="36" customHeight="1">
      <c r="A15" s="32"/>
      <c r="B15" s="33"/>
      <c r="C15" s="33"/>
      <c r="D15" s="33"/>
    </row>
    <row r="16" spans="1:4" s="31" customFormat="1" ht="36" customHeight="1">
      <c r="A16" s="32"/>
      <c r="B16" s="33"/>
      <c r="C16" s="33"/>
      <c r="D16" s="33"/>
    </row>
    <row r="17" spans="1:4" s="31" customFormat="1" ht="36" customHeight="1">
      <c r="A17" s="32"/>
      <c r="B17" s="33"/>
      <c r="C17" s="33"/>
      <c r="D17" s="33"/>
    </row>
    <row r="18" spans="1:4" s="31" customFormat="1" ht="36" customHeight="1">
      <c r="A18" s="32"/>
      <c r="B18" s="33"/>
      <c r="C18" s="33"/>
      <c r="D18" s="33"/>
    </row>
    <row r="19" spans="1:4" s="31" customFormat="1" ht="36" customHeight="1">
      <c r="A19" s="32"/>
      <c r="B19" s="33"/>
      <c r="C19" s="33"/>
      <c r="D19" s="33"/>
    </row>
    <row r="20" spans="1:4" s="31" customFormat="1" ht="36" customHeight="1">
      <c r="A20" s="32"/>
    </row>
    <row r="21" spans="1:4" s="31" customFormat="1" ht="36" customHeight="1">
      <c r="A21" s="32"/>
    </row>
    <row r="22" spans="1:4" s="31" customFormat="1" ht="36" customHeight="1">
      <c r="A22" s="32"/>
    </row>
    <row r="23" spans="1:4" s="31" customFormat="1" ht="36" customHeight="1">
      <c r="A23" s="32"/>
    </row>
    <row r="24" spans="1:4" s="31" customFormat="1" ht="36" customHeight="1">
      <c r="A24" s="32"/>
    </row>
    <row r="25" spans="1:4" s="31" customFormat="1" ht="36" customHeight="1">
      <c r="A25" s="32"/>
    </row>
    <row r="26" spans="1:4" s="31" customFormat="1" ht="36" customHeight="1">
      <c r="A26" s="32"/>
    </row>
    <row r="27" spans="1:4" s="31" customFormat="1" ht="36" customHeight="1">
      <c r="A27" s="32"/>
    </row>
    <row r="28" spans="1:4" s="31" customFormat="1" ht="36" customHeight="1">
      <c r="A28" s="32"/>
    </row>
    <row r="29" spans="1:4" s="31" customFormat="1" ht="36" customHeight="1">
      <c r="A29" s="32"/>
    </row>
    <row r="30" spans="1:4" s="31" customFormat="1" ht="36" customHeight="1">
      <c r="A30" s="32"/>
    </row>
    <row r="31" spans="1:4" s="31" customFormat="1" ht="36" customHeight="1">
      <c r="A31" s="32"/>
    </row>
    <row r="32" spans="1:4" s="31" customFormat="1" ht="36" customHeight="1">
      <c r="A32" s="32"/>
    </row>
    <row r="33" spans="1:1" s="31" customFormat="1" ht="36" customHeight="1">
      <c r="A33" s="32"/>
    </row>
    <row r="34" spans="1:1" s="31" customFormat="1" ht="36" customHeight="1">
      <c r="A34" s="32"/>
    </row>
    <row r="35" spans="1:1" s="31" customFormat="1" ht="36" customHeight="1">
      <c r="A35" s="32"/>
    </row>
    <row r="36" spans="1:1" s="31" customFormat="1" ht="36" customHeight="1">
      <c r="A36" s="32"/>
    </row>
    <row r="37" spans="1:1" s="31" customFormat="1" ht="36" customHeight="1">
      <c r="A37" s="32"/>
    </row>
    <row r="38" spans="1:1" s="31" customFormat="1" ht="36" customHeight="1">
      <c r="A38" s="32"/>
    </row>
    <row r="39" spans="1:1" s="31" customFormat="1" ht="36" customHeight="1">
      <c r="A39" s="32"/>
    </row>
    <row r="40" spans="1:1" s="31" customFormat="1" ht="36" customHeight="1">
      <c r="A40" s="32"/>
    </row>
    <row r="41" spans="1:1" s="29" customFormat="1" ht="36" customHeight="1">
      <c r="A41" s="30"/>
    </row>
    <row r="42" spans="1:1" s="29" customFormat="1" ht="36" customHeight="1">
      <c r="A42" s="30"/>
    </row>
    <row r="43" spans="1:1" s="29" customFormat="1" ht="36" customHeight="1">
      <c r="A43" s="30"/>
    </row>
    <row r="44" spans="1:1" s="29" customFormat="1" ht="36" customHeight="1">
      <c r="A44" s="30"/>
    </row>
    <row r="45" spans="1:1" s="29" customFormat="1" ht="36" customHeight="1">
      <c r="A45" s="30"/>
    </row>
    <row r="46" spans="1:1" s="29" customFormat="1" ht="36" customHeight="1">
      <c r="A46" s="30"/>
    </row>
    <row r="47" spans="1:1" s="29" customFormat="1" ht="36" customHeight="1">
      <c r="A47" s="30"/>
    </row>
    <row r="48" spans="1:1" s="29" customFormat="1" ht="36" customHeight="1">
      <c r="A48" s="30"/>
    </row>
    <row r="49" spans="1:1" s="29" customFormat="1" ht="36" customHeight="1">
      <c r="A49" s="30"/>
    </row>
    <row r="50" spans="1:1" s="29" customFormat="1" ht="36" customHeight="1">
      <c r="A50" s="30"/>
    </row>
    <row r="51" spans="1:1" s="29" customFormat="1" ht="36" customHeight="1">
      <c r="A51" s="30"/>
    </row>
    <row r="52" spans="1:1" s="29" customFormat="1" ht="36" customHeight="1">
      <c r="A52" s="30"/>
    </row>
    <row r="53" spans="1:1" s="29" customFormat="1" ht="36" customHeight="1">
      <c r="A53" s="30"/>
    </row>
    <row r="54" spans="1:1" s="29" customFormat="1" ht="36" customHeight="1">
      <c r="A54" s="30"/>
    </row>
    <row r="55" spans="1:1" s="29" customFormat="1" ht="36" customHeight="1">
      <c r="A55" s="30"/>
    </row>
    <row r="56" spans="1:1" s="29" customFormat="1" ht="36" customHeight="1">
      <c r="A56" s="30"/>
    </row>
    <row r="57" spans="1:1" s="29" customFormat="1" ht="24">
      <c r="A57" s="30"/>
    </row>
    <row r="58" spans="1:1" s="29" customFormat="1" ht="24">
      <c r="A58" s="30"/>
    </row>
    <row r="59" spans="1:1" s="29" customFormat="1" ht="24">
      <c r="A59" s="30"/>
    </row>
    <row r="60" spans="1:1" s="29" customFormat="1" ht="24">
      <c r="A60" s="30"/>
    </row>
    <row r="61" spans="1:1" s="29" customFormat="1" ht="24">
      <c r="A61" s="30"/>
    </row>
    <row r="62" spans="1:1" s="29" customFormat="1" ht="24">
      <c r="A62" s="30"/>
    </row>
    <row r="63" spans="1:1" s="29" customFormat="1" ht="24">
      <c r="A63" s="30"/>
    </row>
    <row r="64" spans="1:1" s="29" customFormat="1" ht="24">
      <c r="A64" s="30"/>
    </row>
    <row r="65" spans="1:1" s="29" customFormat="1" ht="24">
      <c r="A65" s="30"/>
    </row>
    <row r="66" spans="1:1" s="29" customFormat="1" ht="24">
      <c r="A66" s="30"/>
    </row>
    <row r="67" spans="1:1" s="29" customFormat="1" ht="24">
      <c r="A67" s="30"/>
    </row>
    <row r="68" spans="1:1" s="29" customFormat="1" ht="24">
      <c r="A68" s="30"/>
    </row>
    <row r="69" spans="1:1" s="29" customFormat="1" ht="24">
      <c r="A69" s="30"/>
    </row>
    <row r="70" spans="1:1" s="29" customFormat="1" ht="24">
      <c r="A70" s="30"/>
    </row>
    <row r="71" spans="1:1" s="29" customFormat="1" ht="24">
      <c r="A71" s="30"/>
    </row>
    <row r="72" spans="1:1" s="29" customFormat="1" ht="24">
      <c r="A72" s="30"/>
    </row>
    <row r="73" spans="1:1" s="29" customFormat="1" ht="24">
      <c r="A73" s="30"/>
    </row>
    <row r="74" spans="1:1" s="29" customFormat="1" ht="24">
      <c r="A74" s="30"/>
    </row>
    <row r="75" spans="1:1" s="29" customFormat="1" ht="24">
      <c r="A75" s="30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7"/>
  <sheetViews>
    <sheetView showGridLines="0" view="pageBreakPreview" zoomScale="60" zoomScaleNormal="55" workbookViewId="0"/>
  </sheetViews>
  <sheetFormatPr defaultColWidth="8.875" defaultRowHeight="18.75"/>
  <cols>
    <col min="1" max="1" width="2.625" style="1" customWidth="1"/>
    <col min="2" max="6" width="2.125" style="1" customWidth="1"/>
    <col min="7" max="7" width="2.625" style="1" customWidth="1"/>
    <col min="8" max="8" width="23.125" style="1" customWidth="1"/>
    <col min="9" max="12" width="28.125" style="1" customWidth="1"/>
    <col min="13" max="13" width="35.5" style="1" customWidth="1"/>
    <col min="14" max="14" width="26.25" style="1" customWidth="1"/>
    <col min="15" max="15" width="28.125" style="1" customWidth="1"/>
    <col min="16" max="16" width="2.625" style="1" customWidth="1"/>
    <col min="17" max="16384" width="8.875" style="1"/>
  </cols>
  <sheetData>
    <row r="1" spans="2:15" s="2" customFormat="1" ht="22.5" customHeight="1">
      <c r="B1" s="8" t="s">
        <v>22</v>
      </c>
    </row>
    <row r="2" spans="2:15" s="2" customFormat="1" ht="22.5" customHeight="1">
      <c r="B2" s="8" t="s">
        <v>23</v>
      </c>
    </row>
    <row r="3" spans="2:15" s="2" customFormat="1" ht="22.5" customHeight="1">
      <c r="B3" s="8" t="s">
        <v>61</v>
      </c>
    </row>
    <row r="5" spans="2:15">
      <c r="B5" s="41" t="s">
        <v>60</v>
      </c>
      <c r="C5" s="42"/>
      <c r="D5" s="42"/>
      <c r="E5" s="42"/>
      <c r="F5" s="42"/>
      <c r="G5" s="42"/>
      <c r="H5" s="42"/>
      <c r="I5" s="42"/>
      <c r="J5" s="42"/>
      <c r="K5" s="42"/>
      <c r="L5" s="42"/>
      <c r="M5" s="42"/>
      <c r="N5" s="42"/>
      <c r="O5" s="42"/>
    </row>
    <row r="6" spans="2:15" ht="23.25" customHeight="1">
      <c r="B6" s="42"/>
      <c r="C6" s="42"/>
      <c r="D6" s="42"/>
      <c r="E6" s="42"/>
      <c r="F6" s="42"/>
      <c r="G6" s="42"/>
      <c r="H6" s="42"/>
      <c r="I6" s="42"/>
      <c r="J6" s="42"/>
      <c r="K6" s="42"/>
      <c r="L6" s="42"/>
      <c r="M6" s="42"/>
      <c r="N6" s="42"/>
      <c r="O6" s="42"/>
    </row>
    <row r="7" spans="2:15">
      <c r="O7" s="21" t="s">
        <v>59</v>
      </c>
    </row>
    <row r="8" spans="2:15" ht="21.95" customHeight="1">
      <c r="B8" s="43" t="s">
        <v>58</v>
      </c>
      <c r="C8" s="44"/>
      <c r="D8" s="44"/>
      <c r="E8" s="44"/>
      <c r="F8" s="44"/>
      <c r="G8" s="44"/>
      <c r="H8" s="45"/>
      <c r="I8" s="20" t="s">
        <v>57</v>
      </c>
      <c r="J8" s="19" t="s">
        <v>56</v>
      </c>
      <c r="K8" s="19" t="s">
        <v>55</v>
      </c>
      <c r="L8" s="19" t="s">
        <v>54</v>
      </c>
      <c r="M8" s="19" t="s">
        <v>53</v>
      </c>
      <c r="N8" s="19" t="s">
        <v>52</v>
      </c>
      <c r="O8" s="19" t="s">
        <v>51</v>
      </c>
    </row>
    <row r="9" spans="2:15" ht="21.95" customHeight="1">
      <c r="B9" s="46"/>
      <c r="C9" s="47"/>
      <c r="D9" s="47"/>
      <c r="E9" s="47"/>
      <c r="F9" s="47"/>
      <c r="G9" s="47"/>
      <c r="H9" s="48"/>
      <c r="I9" s="18" t="s">
        <v>9</v>
      </c>
      <c r="J9" s="18" t="s">
        <v>10</v>
      </c>
      <c r="K9" s="18" t="s">
        <v>11</v>
      </c>
      <c r="L9" s="18" t="s">
        <v>50</v>
      </c>
      <c r="M9" s="18" t="s">
        <v>49</v>
      </c>
      <c r="N9" s="18" t="s">
        <v>48</v>
      </c>
      <c r="O9" s="18" t="s">
        <v>47</v>
      </c>
    </row>
    <row r="10" spans="2:15" ht="21.95" customHeight="1">
      <c r="B10" s="17" t="s">
        <v>46</v>
      </c>
      <c r="C10" s="16"/>
      <c r="D10" s="16"/>
      <c r="E10" s="16"/>
      <c r="F10" s="16"/>
      <c r="G10" s="16"/>
      <c r="H10" s="15"/>
      <c r="I10" s="11">
        <v>1720650037</v>
      </c>
      <c r="J10" s="11">
        <v>0</v>
      </c>
      <c r="K10" s="11">
        <v>0</v>
      </c>
      <c r="L10" s="11">
        <v>1720650037</v>
      </c>
      <c r="M10" s="11">
        <v>932019400</v>
      </c>
      <c r="N10" s="11">
        <v>34413024</v>
      </c>
      <c r="O10" s="11">
        <v>788630637</v>
      </c>
    </row>
    <row r="11" spans="2:15" ht="21.95" customHeight="1">
      <c r="B11" s="17"/>
      <c r="C11" s="16" t="s">
        <v>45</v>
      </c>
      <c r="D11" s="16"/>
      <c r="E11" s="16"/>
      <c r="F11" s="16"/>
      <c r="G11" s="16"/>
      <c r="H11" s="15"/>
      <c r="I11" s="11">
        <v>1720650037</v>
      </c>
      <c r="J11" s="11">
        <v>0</v>
      </c>
      <c r="K11" s="11">
        <v>0</v>
      </c>
      <c r="L11" s="11">
        <v>1720650037</v>
      </c>
      <c r="M11" s="11">
        <v>932019400</v>
      </c>
      <c r="N11" s="11">
        <v>34413024</v>
      </c>
      <c r="O11" s="11">
        <v>788630637</v>
      </c>
    </row>
    <row r="12" spans="2:15" ht="21.95" customHeight="1">
      <c r="B12" s="17"/>
      <c r="C12" s="16"/>
      <c r="D12" s="16" t="s">
        <v>37</v>
      </c>
      <c r="E12" s="16"/>
      <c r="F12" s="16"/>
      <c r="G12" s="16"/>
      <c r="H12" s="15"/>
      <c r="I12" s="11">
        <v>0</v>
      </c>
      <c r="J12" s="11">
        <v>0</v>
      </c>
      <c r="K12" s="11">
        <v>0</v>
      </c>
      <c r="L12" s="11">
        <v>0</v>
      </c>
      <c r="M12" s="11">
        <v>0</v>
      </c>
      <c r="N12" s="11">
        <v>0</v>
      </c>
      <c r="O12" s="11">
        <v>0</v>
      </c>
    </row>
    <row r="13" spans="2:15" ht="21.95" customHeight="1">
      <c r="B13" s="17"/>
      <c r="C13" s="16"/>
      <c r="D13" s="16" t="s">
        <v>36</v>
      </c>
      <c r="E13" s="16"/>
      <c r="F13" s="16"/>
      <c r="G13" s="16"/>
      <c r="H13" s="15"/>
      <c r="I13" s="11">
        <v>1720650037</v>
      </c>
      <c r="J13" s="11">
        <v>0</v>
      </c>
      <c r="K13" s="11">
        <v>0</v>
      </c>
      <c r="L13" s="11">
        <v>1720650037</v>
      </c>
      <c r="M13" s="11">
        <v>932019400</v>
      </c>
      <c r="N13" s="11">
        <v>34413024</v>
      </c>
      <c r="O13" s="11">
        <v>788630637</v>
      </c>
    </row>
    <row r="14" spans="2:15" ht="21.95" customHeight="1">
      <c r="B14" s="17"/>
      <c r="C14" s="16"/>
      <c r="D14" s="16" t="s">
        <v>35</v>
      </c>
      <c r="E14" s="16"/>
      <c r="F14" s="16"/>
      <c r="G14" s="16"/>
      <c r="H14" s="15"/>
      <c r="I14" s="11">
        <v>0</v>
      </c>
      <c r="J14" s="11">
        <v>0</v>
      </c>
      <c r="K14" s="11">
        <v>0</v>
      </c>
      <c r="L14" s="11">
        <v>0</v>
      </c>
      <c r="M14" s="11">
        <v>0</v>
      </c>
      <c r="N14" s="11">
        <v>0</v>
      </c>
      <c r="O14" s="11">
        <v>0</v>
      </c>
    </row>
    <row r="15" spans="2:15" ht="21.95" customHeight="1">
      <c r="B15" s="17"/>
      <c r="C15" s="16"/>
      <c r="D15" s="16" t="s">
        <v>44</v>
      </c>
      <c r="E15" s="16"/>
      <c r="F15" s="16"/>
      <c r="G15" s="16"/>
      <c r="H15" s="15"/>
      <c r="I15" s="11">
        <v>0</v>
      </c>
      <c r="J15" s="11">
        <v>0</v>
      </c>
      <c r="K15" s="11">
        <v>0</v>
      </c>
      <c r="L15" s="11">
        <v>0</v>
      </c>
      <c r="M15" s="11">
        <v>0</v>
      </c>
      <c r="N15" s="11">
        <v>0</v>
      </c>
      <c r="O15" s="11">
        <v>0</v>
      </c>
    </row>
    <row r="16" spans="2:15" ht="21.95" customHeight="1">
      <c r="B16" s="17"/>
      <c r="C16" s="16"/>
      <c r="D16" s="16" t="s">
        <v>43</v>
      </c>
      <c r="E16" s="16"/>
      <c r="F16" s="16"/>
      <c r="G16" s="16"/>
      <c r="H16" s="15"/>
      <c r="I16" s="11">
        <v>0</v>
      </c>
      <c r="J16" s="11">
        <v>0</v>
      </c>
      <c r="K16" s="11">
        <v>0</v>
      </c>
      <c r="L16" s="11">
        <v>0</v>
      </c>
      <c r="M16" s="11">
        <v>0</v>
      </c>
      <c r="N16" s="11">
        <v>0</v>
      </c>
      <c r="O16" s="11">
        <v>0</v>
      </c>
    </row>
    <row r="17" spans="2:15" ht="21.95" customHeight="1">
      <c r="B17" s="17"/>
      <c r="C17" s="16"/>
      <c r="D17" s="16" t="s">
        <v>42</v>
      </c>
      <c r="E17" s="16"/>
      <c r="F17" s="16"/>
      <c r="G17" s="16"/>
      <c r="H17" s="15"/>
      <c r="I17" s="11">
        <v>0</v>
      </c>
      <c r="J17" s="11">
        <v>0</v>
      </c>
      <c r="K17" s="11">
        <v>0</v>
      </c>
      <c r="L17" s="11">
        <v>0</v>
      </c>
      <c r="M17" s="11">
        <v>0</v>
      </c>
      <c r="N17" s="11">
        <v>0</v>
      </c>
      <c r="O17" s="11">
        <v>0</v>
      </c>
    </row>
    <row r="18" spans="2:15" ht="21.95" customHeight="1">
      <c r="B18" s="17"/>
      <c r="C18" s="16"/>
      <c r="D18" s="16" t="s">
        <v>41</v>
      </c>
      <c r="E18" s="16"/>
      <c r="F18" s="16"/>
      <c r="G18" s="16"/>
      <c r="H18" s="15"/>
      <c r="I18" s="11">
        <v>0</v>
      </c>
      <c r="J18" s="11">
        <v>0</v>
      </c>
      <c r="K18" s="11">
        <v>0</v>
      </c>
      <c r="L18" s="11">
        <v>0</v>
      </c>
      <c r="M18" s="11">
        <v>0</v>
      </c>
      <c r="N18" s="11">
        <v>0</v>
      </c>
      <c r="O18" s="11">
        <v>0</v>
      </c>
    </row>
    <row r="19" spans="2:15" ht="21.95" customHeight="1">
      <c r="B19" s="14"/>
      <c r="C19" s="13" t="s">
        <v>40</v>
      </c>
      <c r="D19" s="13"/>
      <c r="E19" s="13"/>
      <c r="F19" s="13"/>
      <c r="G19" s="13"/>
      <c r="H19" s="12"/>
      <c r="I19" s="11">
        <v>0</v>
      </c>
      <c r="J19" s="11">
        <v>0</v>
      </c>
      <c r="K19" s="11">
        <v>0</v>
      </c>
      <c r="L19" s="11">
        <v>0</v>
      </c>
      <c r="M19" s="11">
        <v>0</v>
      </c>
      <c r="N19" s="11">
        <v>0</v>
      </c>
      <c r="O19" s="11">
        <v>0</v>
      </c>
    </row>
    <row r="20" spans="2:15" ht="21.95" customHeight="1">
      <c r="B20" s="14"/>
      <c r="C20" s="13"/>
      <c r="D20" s="13" t="s">
        <v>33</v>
      </c>
      <c r="E20" s="13"/>
      <c r="F20" s="13"/>
      <c r="G20" s="13"/>
      <c r="H20" s="12"/>
      <c r="I20" s="11">
        <v>0</v>
      </c>
      <c r="J20" s="11">
        <v>0</v>
      </c>
      <c r="K20" s="11">
        <v>0</v>
      </c>
      <c r="L20" s="11">
        <v>0</v>
      </c>
      <c r="M20" s="11">
        <v>0</v>
      </c>
      <c r="N20" s="11">
        <v>0</v>
      </c>
      <c r="O20" s="11">
        <v>0</v>
      </c>
    </row>
    <row r="21" spans="2:15" ht="21.95" customHeight="1">
      <c r="B21" s="14"/>
      <c r="C21" s="13"/>
      <c r="D21" s="13" t="s">
        <v>32</v>
      </c>
      <c r="E21" s="13"/>
      <c r="F21" s="13"/>
      <c r="G21" s="13"/>
      <c r="H21" s="12"/>
      <c r="I21" s="11">
        <v>0</v>
      </c>
      <c r="J21" s="11">
        <v>0</v>
      </c>
      <c r="K21" s="11">
        <v>0</v>
      </c>
      <c r="L21" s="11">
        <v>0</v>
      </c>
      <c r="M21" s="11">
        <v>0</v>
      </c>
      <c r="N21" s="11">
        <v>0</v>
      </c>
      <c r="O21" s="11">
        <v>0</v>
      </c>
    </row>
    <row r="22" spans="2:15" ht="21.95" customHeight="1">
      <c r="B22" s="17" t="s">
        <v>39</v>
      </c>
      <c r="C22" s="16"/>
      <c r="D22" s="16"/>
      <c r="E22" s="16"/>
      <c r="F22" s="16"/>
      <c r="G22" s="16"/>
      <c r="H22" s="15"/>
      <c r="I22" s="11">
        <v>0</v>
      </c>
      <c r="J22" s="11">
        <v>0</v>
      </c>
      <c r="K22" s="11">
        <v>0</v>
      </c>
      <c r="L22" s="11">
        <v>0</v>
      </c>
      <c r="M22" s="11">
        <v>0</v>
      </c>
      <c r="N22" s="11">
        <v>0</v>
      </c>
      <c r="O22" s="11">
        <v>0</v>
      </c>
    </row>
    <row r="23" spans="2:15" ht="21.95" customHeight="1">
      <c r="B23" s="17"/>
      <c r="C23" s="16" t="s">
        <v>38</v>
      </c>
      <c r="D23" s="16"/>
      <c r="E23" s="16"/>
      <c r="F23" s="16"/>
      <c r="G23" s="16"/>
      <c r="H23" s="15"/>
      <c r="I23" s="11">
        <v>0</v>
      </c>
      <c r="J23" s="11">
        <v>0</v>
      </c>
      <c r="K23" s="11">
        <v>0</v>
      </c>
      <c r="L23" s="11">
        <v>0</v>
      </c>
      <c r="M23" s="11">
        <v>0</v>
      </c>
      <c r="N23" s="11">
        <v>0</v>
      </c>
      <c r="O23" s="11">
        <v>0</v>
      </c>
    </row>
    <row r="24" spans="2:15" ht="21.95" customHeight="1">
      <c r="B24" s="17"/>
      <c r="C24" s="16"/>
      <c r="D24" s="16" t="s">
        <v>37</v>
      </c>
      <c r="E24" s="16"/>
      <c r="F24" s="16"/>
      <c r="G24" s="16"/>
      <c r="H24" s="15"/>
      <c r="I24" s="11">
        <v>0</v>
      </c>
      <c r="J24" s="11">
        <v>0</v>
      </c>
      <c r="K24" s="11">
        <v>0</v>
      </c>
      <c r="L24" s="11">
        <v>0</v>
      </c>
      <c r="M24" s="11">
        <v>0</v>
      </c>
      <c r="N24" s="11">
        <v>0</v>
      </c>
      <c r="O24" s="11">
        <v>0</v>
      </c>
    </row>
    <row r="25" spans="2:15" ht="21.95" customHeight="1">
      <c r="B25" s="17"/>
      <c r="C25" s="16"/>
      <c r="D25" s="16" t="s">
        <v>36</v>
      </c>
      <c r="E25" s="16"/>
      <c r="F25" s="16"/>
      <c r="G25" s="16"/>
      <c r="H25" s="15"/>
      <c r="I25" s="11">
        <v>0</v>
      </c>
      <c r="J25" s="11">
        <v>0</v>
      </c>
      <c r="K25" s="11">
        <v>0</v>
      </c>
      <c r="L25" s="11">
        <v>0</v>
      </c>
      <c r="M25" s="11">
        <v>0</v>
      </c>
      <c r="N25" s="11">
        <v>0</v>
      </c>
      <c r="O25" s="11">
        <v>0</v>
      </c>
    </row>
    <row r="26" spans="2:15" ht="21.95" customHeight="1">
      <c r="B26" s="17"/>
      <c r="C26" s="16"/>
      <c r="D26" s="16" t="s">
        <v>35</v>
      </c>
      <c r="E26" s="16"/>
      <c r="F26" s="16"/>
      <c r="G26" s="16"/>
      <c r="H26" s="15"/>
      <c r="I26" s="11">
        <v>0</v>
      </c>
      <c r="J26" s="11">
        <v>0</v>
      </c>
      <c r="K26" s="11">
        <v>0</v>
      </c>
      <c r="L26" s="11">
        <v>0</v>
      </c>
      <c r="M26" s="11">
        <v>0</v>
      </c>
      <c r="N26" s="11">
        <v>0</v>
      </c>
      <c r="O26" s="11">
        <v>0</v>
      </c>
    </row>
    <row r="27" spans="2:15" ht="21.95" customHeight="1">
      <c r="B27" s="14"/>
      <c r="C27" s="13" t="s">
        <v>34</v>
      </c>
      <c r="D27" s="13"/>
      <c r="E27" s="13"/>
      <c r="F27" s="13"/>
      <c r="G27" s="13"/>
      <c r="H27" s="12"/>
      <c r="I27" s="11">
        <v>0</v>
      </c>
      <c r="J27" s="11">
        <v>0</v>
      </c>
      <c r="K27" s="11">
        <v>0</v>
      </c>
      <c r="L27" s="11">
        <v>0</v>
      </c>
      <c r="M27" s="11">
        <v>0</v>
      </c>
      <c r="N27" s="11">
        <v>0</v>
      </c>
      <c r="O27" s="11">
        <v>0</v>
      </c>
    </row>
    <row r="28" spans="2:15" ht="21.95" customHeight="1">
      <c r="B28" s="14"/>
      <c r="C28" s="13"/>
      <c r="D28" s="13" t="s">
        <v>33</v>
      </c>
      <c r="E28" s="13"/>
      <c r="F28" s="13"/>
      <c r="G28" s="13"/>
      <c r="H28" s="12"/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  <c r="O28" s="11">
        <v>0</v>
      </c>
    </row>
    <row r="29" spans="2:15" ht="21.95" customHeight="1">
      <c r="B29" s="14"/>
      <c r="C29" s="13"/>
      <c r="D29" s="13" t="s">
        <v>32</v>
      </c>
      <c r="E29" s="13"/>
      <c r="F29" s="13"/>
      <c r="G29" s="13"/>
      <c r="H29" s="12"/>
      <c r="I29" s="11">
        <v>0</v>
      </c>
      <c r="J29" s="11">
        <v>0</v>
      </c>
      <c r="K29" s="11">
        <v>0</v>
      </c>
      <c r="L29" s="11">
        <v>0</v>
      </c>
      <c r="M29" s="11">
        <v>0</v>
      </c>
      <c r="N29" s="11">
        <v>0</v>
      </c>
      <c r="O29" s="11">
        <v>0</v>
      </c>
    </row>
    <row r="30" spans="2:15" ht="21.95" customHeight="1">
      <c r="B30" s="17" t="s">
        <v>31</v>
      </c>
      <c r="C30" s="16"/>
      <c r="D30" s="16"/>
      <c r="E30" s="16"/>
      <c r="F30" s="16"/>
      <c r="G30" s="16"/>
      <c r="H30" s="15"/>
      <c r="I30" s="11">
        <v>27854388</v>
      </c>
      <c r="J30" s="11">
        <v>0</v>
      </c>
      <c r="K30" s="11">
        <v>0</v>
      </c>
      <c r="L30" s="11">
        <v>27854388</v>
      </c>
      <c r="M30" s="11">
        <v>6667851</v>
      </c>
      <c r="N30" s="11">
        <v>5570892</v>
      </c>
      <c r="O30" s="11">
        <v>21186537</v>
      </c>
    </row>
    <row r="31" spans="2:15" ht="21.95" customHeight="1">
      <c r="B31" s="17" t="s">
        <v>30</v>
      </c>
      <c r="C31" s="16"/>
      <c r="D31" s="16"/>
      <c r="E31" s="16"/>
      <c r="F31" s="16"/>
      <c r="G31" s="16"/>
      <c r="H31" s="15"/>
      <c r="I31" s="11">
        <v>858317742</v>
      </c>
      <c r="J31" s="11">
        <v>49185624</v>
      </c>
      <c r="K31" s="11">
        <v>0</v>
      </c>
      <c r="L31" s="11">
        <v>907503366</v>
      </c>
      <c r="M31" s="11">
        <v>722227304</v>
      </c>
      <c r="N31" s="11">
        <v>222058128</v>
      </c>
      <c r="O31" s="11">
        <v>185276062</v>
      </c>
    </row>
    <row r="32" spans="2:15" ht="21.95" customHeight="1">
      <c r="B32" s="14" t="s">
        <v>29</v>
      </c>
      <c r="C32" s="13"/>
      <c r="D32" s="13"/>
      <c r="E32" s="13"/>
      <c r="F32" s="13"/>
      <c r="G32" s="13"/>
      <c r="H32" s="12"/>
      <c r="I32" s="11">
        <v>945570868</v>
      </c>
      <c r="J32" s="11">
        <v>129600000</v>
      </c>
      <c r="K32" s="11">
        <v>0</v>
      </c>
      <c r="L32" s="11">
        <v>1075170868</v>
      </c>
      <c r="M32" s="11">
        <v>804801004</v>
      </c>
      <c r="N32" s="11">
        <v>85584912</v>
      </c>
      <c r="O32" s="11">
        <v>270369864</v>
      </c>
    </row>
    <row r="33" spans="2:15" ht="21.95" customHeight="1">
      <c r="B33" s="14" t="s">
        <v>28</v>
      </c>
      <c r="C33" s="13"/>
      <c r="D33" s="13"/>
      <c r="E33" s="13"/>
      <c r="F33" s="13"/>
      <c r="G33" s="13"/>
      <c r="H33" s="12"/>
      <c r="I33" s="11">
        <v>9999504</v>
      </c>
      <c r="J33" s="11">
        <v>58960440</v>
      </c>
      <c r="K33" s="11">
        <v>0</v>
      </c>
      <c r="L33" s="11">
        <v>68959944</v>
      </c>
      <c r="M33" s="11">
        <v>0</v>
      </c>
      <c r="N33" s="11">
        <v>0</v>
      </c>
      <c r="O33" s="11">
        <v>68959944</v>
      </c>
    </row>
    <row r="34" spans="2:15" ht="21.95" customHeight="1">
      <c r="B34" s="14" t="s">
        <v>27</v>
      </c>
      <c r="C34" s="13"/>
      <c r="D34" s="13"/>
      <c r="E34" s="13"/>
      <c r="F34" s="13"/>
      <c r="G34" s="13"/>
      <c r="H34" s="12"/>
      <c r="I34" s="11">
        <v>0</v>
      </c>
      <c r="J34" s="11">
        <v>0</v>
      </c>
      <c r="K34" s="11">
        <v>0</v>
      </c>
      <c r="L34" s="11">
        <v>0</v>
      </c>
      <c r="M34" s="11">
        <v>0</v>
      </c>
      <c r="N34" s="11">
        <v>0</v>
      </c>
      <c r="O34" s="11">
        <v>0</v>
      </c>
    </row>
    <row r="35" spans="2:15" ht="21.95" customHeight="1">
      <c r="B35" s="49" t="s">
        <v>26</v>
      </c>
      <c r="C35" s="50"/>
      <c r="D35" s="50"/>
      <c r="E35" s="50"/>
      <c r="F35" s="50"/>
      <c r="G35" s="50"/>
      <c r="H35" s="51"/>
      <c r="I35" s="11">
        <v>3562392539</v>
      </c>
      <c r="J35" s="11">
        <v>237746064</v>
      </c>
      <c r="K35" s="11">
        <v>0</v>
      </c>
      <c r="L35" s="11">
        <v>3800138603</v>
      </c>
      <c r="M35" s="11">
        <v>2465715559</v>
      </c>
      <c r="N35" s="11">
        <v>347626956</v>
      </c>
      <c r="O35" s="11">
        <v>1334423044</v>
      </c>
    </row>
    <row r="36" spans="2:15" ht="12" customHeight="1"/>
    <row r="37" spans="2:15" ht="21.95" customHeight="1">
      <c r="B37" s="52"/>
      <c r="C37" s="52"/>
      <c r="D37" s="52"/>
      <c r="E37" s="52"/>
      <c r="F37" s="52"/>
      <c r="G37" s="52"/>
      <c r="H37" s="52"/>
      <c r="I37" s="52"/>
      <c r="J37" s="52"/>
      <c r="K37" s="52"/>
      <c r="L37" s="52"/>
      <c r="M37" s="52"/>
      <c r="N37" s="52"/>
      <c r="O37" s="52"/>
    </row>
  </sheetData>
  <mergeCells count="4">
    <mergeCell ref="B5:O6"/>
    <mergeCell ref="B8:H9"/>
    <mergeCell ref="B35:H35"/>
    <mergeCell ref="B37:O37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2"/>
  <sheetViews>
    <sheetView showGridLines="0" view="pageBreakPreview" zoomScale="70" zoomScaleNormal="70" zoomScaleSheetLayoutView="70" workbookViewId="0"/>
  </sheetViews>
  <sheetFormatPr defaultColWidth="8.875" defaultRowHeight="18.75"/>
  <cols>
    <col min="1" max="1" width="2.625" style="2" customWidth="1"/>
    <col min="2" max="7" width="3.5" style="2" customWidth="1"/>
    <col min="8" max="8" width="15.625" style="2" customWidth="1"/>
    <col min="9" max="9" width="29.5" style="2" bestFit="1" customWidth="1"/>
    <col min="10" max="10" width="33.625" style="2" customWidth="1"/>
    <col min="11" max="11" width="33.625" style="2" bestFit="1" customWidth="1"/>
    <col min="12" max="12" width="37.625" style="2" bestFit="1" customWidth="1"/>
    <col min="13" max="13" width="27.375" style="2" bestFit="1" customWidth="1"/>
    <col min="14" max="14" width="37.625" style="2" bestFit="1" customWidth="1"/>
    <col min="15" max="15" width="34.25" style="2" bestFit="1" customWidth="1"/>
    <col min="16" max="16" width="25.625" style="2" customWidth="1"/>
    <col min="17" max="17" width="34.25" style="2" bestFit="1" customWidth="1"/>
    <col min="18" max="18" width="2.625" style="2" customWidth="1"/>
    <col min="19" max="255" width="8.875" style="2"/>
    <col min="256" max="262" width="3.5" style="2" customWidth="1"/>
    <col min="263" max="263" width="15.625" style="2" customWidth="1"/>
    <col min="264" max="270" width="25.625" style="2" customWidth="1"/>
    <col min="271" max="511" width="8.875" style="2"/>
    <col min="512" max="518" width="3.5" style="2" customWidth="1"/>
    <col min="519" max="519" width="15.625" style="2" customWidth="1"/>
    <col min="520" max="526" width="25.625" style="2" customWidth="1"/>
    <col min="527" max="767" width="8.875" style="2"/>
    <col min="768" max="774" width="3.5" style="2" customWidth="1"/>
    <col min="775" max="775" width="15.625" style="2" customWidth="1"/>
    <col min="776" max="782" width="25.625" style="2" customWidth="1"/>
    <col min="783" max="1023" width="8.875" style="2"/>
    <col min="1024" max="1030" width="3.5" style="2" customWidth="1"/>
    <col min="1031" max="1031" width="15.625" style="2" customWidth="1"/>
    <col min="1032" max="1038" width="25.625" style="2" customWidth="1"/>
    <col min="1039" max="1279" width="8.875" style="2"/>
    <col min="1280" max="1286" width="3.5" style="2" customWidth="1"/>
    <col min="1287" max="1287" width="15.625" style="2" customWidth="1"/>
    <col min="1288" max="1294" width="25.625" style="2" customWidth="1"/>
    <col min="1295" max="1535" width="8.875" style="2"/>
    <col min="1536" max="1542" width="3.5" style="2" customWidth="1"/>
    <col min="1543" max="1543" width="15.625" style="2" customWidth="1"/>
    <col min="1544" max="1550" width="25.625" style="2" customWidth="1"/>
    <col min="1551" max="1791" width="8.875" style="2"/>
    <col min="1792" max="1798" width="3.5" style="2" customWidth="1"/>
    <col min="1799" max="1799" width="15.625" style="2" customWidth="1"/>
    <col min="1800" max="1806" width="25.625" style="2" customWidth="1"/>
    <col min="1807" max="2047" width="8.875" style="2"/>
    <col min="2048" max="2054" width="3.5" style="2" customWidth="1"/>
    <col min="2055" max="2055" width="15.625" style="2" customWidth="1"/>
    <col min="2056" max="2062" width="25.625" style="2" customWidth="1"/>
    <col min="2063" max="2303" width="8.875" style="2"/>
    <col min="2304" max="2310" width="3.5" style="2" customWidth="1"/>
    <col min="2311" max="2311" width="15.625" style="2" customWidth="1"/>
    <col min="2312" max="2318" width="25.625" style="2" customWidth="1"/>
    <col min="2319" max="2559" width="8.875" style="2"/>
    <col min="2560" max="2566" width="3.5" style="2" customWidth="1"/>
    <col min="2567" max="2567" width="15.625" style="2" customWidth="1"/>
    <col min="2568" max="2574" width="25.625" style="2" customWidth="1"/>
    <col min="2575" max="2815" width="8.875" style="2"/>
    <col min="2816" max="2822" width="3.5" style="2" customWidth="1"/>
    <col min="2823" max="2823" width="15.625" style="2" customWidth="1"/>
    <col min="2824" max="2830" width="25.625" style="2" customWidth="1"/>
    <col min="2831" max="3071" width="8.875" style="2"/>
    <col min="3072" max="3078" width="3.5" style="2" customWidth="1"/>
    <col min="3079" max="3079" width="15.625" style="2" customWidth="1"/>
    <col min="3080" max="3086" width="25.625" style="2" customWidth="1"/>
    <col min="3087" max="3327" width="8.875" style="2"/>
    <col min="3328" max="3334" width="3.5" style="2" customWidth="1"/>
    <col min="3335" max="3335" width="15.625" style="2" customWidth="1"/>
    <col min="3336" max="3342" width="25.625" style="2" customWidth="1"/>
    <col min="3343" max="3583" width="8.875" style="2"/>
    <col min="3584" max="3590" width="3.5" style="2" customWidth="1"/>
    <col min="3591" max="3591" width="15.625" style="2" customWidth="1"/>
    <col min="3592" max="3598" width="25.625" style="2" customWidth="1"/>
    <col min="3599" max="3839" width="8.875" style="2"/>
    <col min="3840" max="3846" width="3.5" style="2" customWidth="1"/>
    <col min="3847" max="3847" width="15.625" style="2" customWidth="1"/>
    <col min="3848" max="3854" width="25.625" style="2" customWidth="1"/>
    <col min="3855" max="4095" width="8.875" style="2"/>
    <col min="4096" max="4102" width="3.5" style="2" customWidth="1"/>
    <col min="4103" max="4103" width="15.625" style="2" customWidth="1"/>
    <col min="4104" max="4110" width="25.625" style="2" customWidth="1"/>
    <col min="4111" max="4351" width="8.875" style="2"/>
    <col min="4352" max="4358" width="3.5" style="2" customWidth="1"/>
    <col min="4359" max="4359" width="15.625" style="2" customWidth="1"/>
    <col min="4360" max="4366" width="25.625" style="2" customWidth="1"/>
    <col min="4367" max="4607" width="8.875" style="2"/>
    <col min="4608" max="4614" width="3.5" style="2" customWidth="1"/>
    <col min="4615" max="4615" width="15.625" style="2" customWidth="1"/>
    <col min="4616" max="4622" width="25.625" style="2" customWidth="1"/>
    <col min="4623" max="4863" width="8.875" style="2"/>
    <col min="4864" max="4870" width="3.5" style="2" customWidth="1"/>
    <col min="4871" max="4871" width="15.625" style="2" customWidth="1"/>
    <col min="4872" max="4878" width="25.625" style="2" customWidth="1"/>
    <col min="4879" max="5119" width="8.875" style="2"/>
    <col min="5120" max="5126" width="3.5" style="2" customWidth="1"/>
    <col min="5127" max="5127" width="15.625" style="2" customWidth="1"/>
    <col min="5128" max="5134" width="25.625" style="2" customWidth="1"/>
    <col min="5135" max="5375" width="8.875" style="2"/>
    <col min="5376" max="5382" width="3.5" style="2" customWidth="1"/>
    <col min="5383" max="5383" width="15.625" style="2" customWidth="1"/>
    <col min="5384" max="5390" width="25.625" style="2" customWidth="1"/>
    <col min="5391" max="5631" width="8.875" style="2"/>
    <col min="5632" max="5638" width="3.5" style="2" customWidth="1"/>
    <col min="5639" max="5639" width="15.625" style="2" customWidth="1"/>
    <col min="5640" max="5646" width="25.625" style="2" customWidth="1"/>
    <col min="5647" max="5887" width="8.875" style="2"/>
    <col min="5888" max="5894" width="3.5" style="2" customWidth="1"/>
    <col min="5895" max="5895" width="15.625" style="2" customWidth="1"/>
    <col min="5896" max="5902" width="25.625" style="2" customWidth="1"/>
    <col min="5903" max="6143" width="8.875" style="2"/>
    <col min="6144" max="6150" width="3.5" style="2" customWidth="1"/>
    <col min="6151" max="6151" width="15.625" style="2" customWidth="1"/>
    <col min="6152" max="6158" width="25.625" style="2" customWidth="1"/>
    <col min="6159" max="6399" width="8.875" style="2"/>
    <col min="6400" max="6406" width="3.5" style="2" customWidth="1"/>
    <col min="6407" max="6407" width="15.625" style="2" customWidth="1"/>
    <col min="6408" max="6414" width="25.625" style="2" customWidth="1"/>
    <col min="6415" max="6655" width="8.875" style="2"/>
    <col min="6656" max="6662" width="3.5" style="2" customWidth="1"/>
    <col min="6663" max="6663" width="15.625" style="2" customWidth="1"/>
    <col min="6664" max="6670" width="25.625" style="2" customWidth="1"/>
    <col min="6671" max="6911" width="8.875" style="2"/>
    <col min="6912" max="6918" width="3.5" style="2" customWidth="1"/>
    <col min="6919" max="6919" width="15.625" style="2" customWidth="1"/>
    <col min="6920" max="6926" width="25.625" style="2" customWidth="1"/>
    <col min="6927" max="7167" width="8.875" style="2"/>
    <col min="7168" max="7174" width="3.5" style="2" customWidth="1"/>
    <col min="7175" max="7175" width="15.625" style="2" customWidth="1"/>
    <col min="7176" max="7182" width="25.625" style="2" customWidth="1"/>
    <col min="7183" max="7423" width="8.875" style="2"/>
    <col min="7424" max="7430" width="3.5" style="2" customWidth="1"/>
    <col min="7431" max="7431" width="15.625" style="2" customWidth="1"/>
    <col min="7432" max="7438" width="25.625" style="2" customWidth="1"/>
    <col min="7439" max="7679" width="8.875" style="2"/>
    <col min="7680" max="7686" width="3.5" style="2" customWidth="1"/>
    <col min="7687" max="7687" width="15.625" style="2" customWidth="1"/>
    <col min="7688" max="7694" width="25.625" style="2" customWidth="1"/>
    <col min="7695" max="7935" width="8.875" style="2"/>
    <col min="7936" max="7942" width="3.5" style="2" customWidth="1"/>
    <col min="7943" max="7943" width="15.625" style="2" customWidth="1"/>
    <col min="7944" max="7950" width="25.625" style="2" customWidth="1"/>
    <col min="7951" max="8191" width="8.875" style="2"/>
    <col min="8192" max="8198" width="3.5" style="2" customWidth="1"/>
    <col min="8199" max="8199" width="15.625" style="2" customWidth="1"/>
    <col min="8200" max="8206" width="25.625" style="2" customWidth="1"/>
    <col min="8207" max="8447" width="8.875" style="2"/>
    <col min="8448" max="8454" width="3.5" style="2" customWidth="1"/>
    <col min="8455" max="8455" width="15.625" style="2" customWidth="1"/>
    <col min="8456" max="8462" width="25.625" style="2" customWidth="1"/>
    <col min="8463" max="8703" width="8.875" style="2"/>
    <col min="8704" max="8710" width="3.5" style="2" customWidth="1"/>
    <col min="8711" max="8711" width="15.625" style="2" customWidth="1"/>
    <col min="8712" max="8718" width="25.625" style="2" customWidth="1"/>
    <col min="8719" max="8959" width="8.875" style="2"/>
    <col min="8960" max="8966" width="3.5" style="2" customWidth="1"/>
    <col min="8967" max="8967" width="15.625" style="2" customWidth="1"/>
    <col min="8968" max="8974" width="25.625" style="2" customWidth="1"/>
    <col min="8975" max="9215" width="8.875" style="2"/>
    <col min="9216" max="9222" width="3.5" style="2" customWidth="1"/>
    <col min="9223" max="9223" width="15.625" style="2" customWidth="1"/>
    <col min="9224" max="9230" width="25.625" style="2" customWidth="1"/>
    <col min="9231" max="9471" width="8.875" style="2"/>
    <col min="9472" max="9478" width="3.5" style="2" customWidth="1"/>
    <col min="9479" max="9479" width="15.625" style="2" customWidth="1"/>
    <col min="9480" max="9486" width="25.625" style="2" customWidth="1"/>
    <col min="9487" max="9727" width="8.875" style="2"/>
    <col min="9728" max="9734" width="3.5" style="2" customWidth="1"/>
    <col min="9735" max="9735" width="15.625" style="2" customWidth="1"/>
    <col min="9736" max="9742" width="25.625" style="2" customWidth="1"/>
    <col min="9743" max="9983" width="8.875" style="2"/>
    <col min="9984" max="9990" width="3.5" style="2" customWidth="1"/>
    <col min="9991" max="9991" width="15.625" style="2" customWidth="1"/>
    <col min="9992" max="9998" width="25.625" style="2" customWidth="1"/>
    <col min="9999" max="10239" width="8.875" style="2"/>
    <col min="10240" max="10246" width="3.5" style="2" customWidth="1"/>
    <col min="10247" max="10247" width="15.625" style="2" customWidth="1"/>
    <col min="10248" max="10254" width="25.625" style="2" customWidth="1"/>
    <col min="10255" max="10495" width="8.875" style="2"/>
    <col min="10496" max="10502" width="3.5" style="2" customWidth="1"/>
    <col min="10503" max="10503" width="15.625" style="2" customWidth="1"/>
    <col min="10504" max="10510" width="25.625" style="2" customWidth="1"/>
    <col min="10511" max="10751" width="8.875" style="2"/>
    <col min="10752" max="10758" width="3.5" style="2" customWidth="1"/>
    <col min="10759" max="10759" width="15.625" style="2" customWidth="1"/>
    <col min="10760" max="10766" width="25.625" style="2" customWidth="1"/>
    <col min="10767" max="11007" width="8.875" style="2"/>
    <col min="11008" max="11014" width="3.5" style="2" customWidth="1"/>
    <col min="11015" max="11015" width="15.625" style="2" customWidth="1"/>
    <col min="11016" max="11022" width="25.625" style="2" customWidth="1"/>
    <col min="11023" max="11263" width="8.875" style="2"/>
    <col min="11264" max="11270" width="3.5" style="2" customWidth="1"/>
    <col min="11271" max="11271" width="15.625" style="2" customWidth="1"/>
    <col min="11272" max="11278" width="25.625" style="2" customWidth="1"/>
    <col min="11279" max="11519" width="8.875" style="2"/>
    <col min="11520" max="11526" width="3.5" style="2" customWidth="1"/>
    <col min="11527" max="11527" width="15.625" style="2" customWidth="1"/>
    <col min="11528" max="11534" width="25.625" style="2" customWidth="1"/>
    <col min="11535" max="11775" width="8.875" style="2"/>
    <col min="11776" max="11782" width="3.5" style="2" customWidth="1"/>
    <col min="11783" max="11783" width="15.625" style="2" customWidth="1"/>
    <col min="11784" max="11790" width="25.625" style="2" customWidth="1"/>
    <col min="11791" max="12031" width="8.875" style="2"/>
    <col min="12032" max="12038" width="3.5" style="2" customWidth="1"/>
    <col min="12039" max="12039" width="15.625" style="2" customWidth="1"/>
    <col min="12040" max="12046" width="25.625" style="2" customWidth="1"/>
    <col min="12047" max="12287" width="8.875" style="2"/>
    <col min="12288" max="12294" width="3.5" style="2" customWidth="1"/>
    <col min="12295" max="12295" width="15.625" style="2" customWidth="1"/>
    <col min="12296" max="12302" width="25.625" style="2" customWidth="1"/>
    <col min="12303" max="12543" width="8.875" style="2"/>
    <col min="12544" max="12550" width="3.5" style="2" customWidth="1"/>
    <col min="12551" max="12551" width="15.625" style="2" customWidth="1"/>
    <col min="12552" max="12558" width="25.625" style="2" customWidth="1"/>
    <col min="12559" max="12799" width="8.875" style="2"/>
    <col min="12800" max="12806" width="3.5" style="2" customWidth="1"/>
    <col min="12807" max="12807" width="15.625" style="2" customWidth="1"/>
    <col min="12808" max="12814" width="25.625" style="2" customWidth="1"/>
    <col min="12815" max="13055" width="8.875" style="2"/>
    <col min="13056" max="13062" width="3.5" style="2" customWidth="1"/>
    <col min="13063" max="13063" width="15.625" style="2" customWidth="1"/>
    <col min="13064" max="13070" width="25.625" style="2" customWidth="1"/>
    <col min="13071" max="13311" width="8.875" style="2"/>
    <col min="13312" max="13318" width="3.5" style="2" customWidth="1"/>
    <col min="13319" max="13319" width="15.625" style="2" customWidth="1"/>
    <col min="13320" max="13326" width="25.625" style="2" customWidth="1"/>
    <col min="13327" max="13567" width="8.875" style="2"/>
    <col min="13568" max="13574" width="3.5" style="2" customWidth="1"/>
    <col min="13575" max="13575" width="15.625" style="2" customWidth="1"/>
    <col min="13576" max="13582" width="25.625" style="2" customWidth="1"/>
    <col min="13583" max="13823" width="8.875" style="2"/>
    <col min="13824" max="13830" width="3.5" style="2" customWidth="1"/>
    <col min="13831" max="13831" width="15.625" style="2" customWidth="1"/>
    <col min="13832" max="13838" width="25.625" style="2" customWidth="1"/>
    <col min="13839" max="14079" width="8.875" style="2"/>
    <col min="14080" max="14086" width="3.5" style="2" customWidth="1"/>
    <col min="14087" max="14087" width="15.625" style="2" customWidth="1"/>
    <col min="14088" max="14094" width="25.625" style="2" customWidth="1"/>
    <col min="14095" max="14335" width="8.875" style="2"/>
    <col min="14336" max="14342" width="3.5" style="2" customWidth="1"/>
    <col min="14343" max="14343" width="15.625" style="2" customWidth="1"/>
    <col min="14344" max="14350" width="25.625" style="2" customWidth="1"/>
    <col min="14351" max="14591" width="8.875" style="2"/>
    <col min="14592" max="14598" width="3.5" style="2" customWidth="1"/>
    <col min="14599" max="14599" width="15.625" style="2" customWidth="1"/>
    <col min="14600" max="14606" width="25.625" style="2" customWidth="1"/>
    <col min="14607" max="14847" width="8.875" style="2"/>
    <col min="14848" max="14854" width="3.5" style="2" customWidth="1"/>
    <col min="14855" max="14855" width="15.625" style="2" customWidth="1"/>
    <col min="14856" max="14862" width="25.625" style="2" customWidth="1"/>
    <col min="14863" max="15103" width="8.875" style="2"/>
    <col min="15104" max="15110" width="3.5" style="2" customWidth="1"/>
    <col min="15111" max="15111" width="15.625" style="2" customWidth="1"/>
    <col min="15112" max="15118" width="25.625" style="2" customWidth="1"/>
    <col min="15119" max="15359" width="8.875" style="2"/>
    <col min="15360" max="15366" width="3.5" style="2" customWidth="1"/>
    <col min="15367" max="15367" width="15.625" style="2" customWidth="1"/>
    <col min="15368" max="15374" width="25.625" style="2" customWidth="1"/>
    <col min="15375" max="15615" width="8.875" style="2"/>
    <col min="15616" max="15622" width="3.5" style="2" customWidth="1"/>
    <col min="15623" max="15623" width="15.625" style="2" customWidth="1"/>
    <col min="15624" max="15630" width="25.625" style="2" customWidth="1"/>
    <col min="15631" max="15871" width="8.875" style="2"/>
    <col min="15872" max="15878" width="3.5" style="2" customWidth="1"/>
    <col min="15879" max="15879" width="15.625" style="2" customWidth="1"/>
    <col min="15880" max="15886" width="25.625" style="2" customWidth="1"/>
    <col min="15887" max="16127" width="8.875" style="2"/>
    <col min="16128" max="16134" width="3.5" style="2" customWidth="1"/>
    <col min="16135" max="16135" width="15.625" style="2" customWidth="1"/>
    <col min="16136" max="16142" width="25.625" style="2" customWidth="1"/>
    <col min="16143" max="16384" width="8.875" style="2"/>
  </cols>
  <sheetData>
    <row r="1" spans="1:18" ht="22.5" customHeight="1">
      <c r="B1" s="8" t="s">
        <v>22</v>
      </c>
    </row>
    <row r="2" spans="1:18" ht="22.5" customHeight="1">
      <c r="B2" s="8" t="s">
        <v>23</v>
      </c>
    </row>
    <row r="3" spans="1:18" ht="22.5" customHeight="1">
      <c r="B3" s="8" t="s">
        <v>24</v>
      </c>
    </row>
    <row r="4" spans="1:18" s="1" customFormat="1"/>
    <row r="5" spans="1:18" s="1" customFormat="1" ht="18.75" customHeight="1">
      <c r="A5" s="41" t="s">
        <v>21</v>
      </c>
      <c r="B5" s="41"/>
      <c r="C5" s="41"/>
      <c r="D5" s="41"/>
      <c r="E5" s="41"/>
      <c r="F5" s="41"/>
      <c r="G5" s="41"/>
      <c r="H5" s="41"/>
      <c r="I5" s="41"/>
      <c r="J5" s="41"/>
      <c r="K5" s="41"/>
      <c r="L5" s="41"/>
      <c r="M5" s="41"/>
      <c r="N5" s="41"/>
      <c r="O5" s="41"/>
      <c r="P5" s="41"/>
      <c r="Q5" s="41"/>
      <c r="R5" s="41"/>
    </row>
    <row r="6" spans="1:18" s="1" customFormat="1" ht="18.75" customHeight="1">
      <c r="A6" s="41"/>
      <c r="B6" s="41"/>
      <c r="C6" s="41"/>
      <c r="D6" s="41"/>
      <c r="E6" s="41"/>
      <c r="F6" s="41"/>
      <c r="G6" s="41"/>
      <c r="H6" s="41"/>
      <c r="I6" s="41"/>
      <c r="J6" s="41"/>
      <c r="K6" s="41"/>
      <c r="L6" s="41"/>
      <c r="M6" s="41"/>
      <c r="N6" s="41"/>
      <c r="O6" s="41"/>
      <c r="P6" s="41"/>
      <c r="Q6" s="41"/>
      <c r="R6" s="41"/>
    </row>
    <row r="8" spans="1:18">
      <c r="B8" s="2" t="s">
        <v>6</v>
      </c>
      <c r="P8" s="3"/>
      <c r="Q8" s="3" t="s">
        <v>17</v>
      </c>
    </row>
    <row r="9" spans="1:18" ht="21.95" customHeight="1">
      <c r="B9" s="61" t="s">
        <v>1</v>
      </c>
      <c r="C9" s="62"/>
      <c r="D9" s="62"/>
      <c r="E9" s="62"/>
      <c r="F9" s="62"/>
      <c r="G9" s="62"/>
      <c r="H9" s="63"/>
      <c r="I9" s="53" t="s">
        <v>7</v>
      </c>
      <c r="J9" s="4" t="s">
        <v>19</v>
      </c>
      <c r="K9" s="5" t="s">
        <v>2</v>
      </c>
      <c r="L9" s="5" t="s">
        <v>3</v>
      </c>
      <c r="M9" s="5" t="s">
        <v>4</v>
      </c>
      <c r="N9" s="5" t="s">
        <v>8</v>
      </c>
      <c r="O9" s="5" t="s">
        <v>5</v>
      </c>
      <c r="P9" s="5" t="s">
        <v>18</v>
      </c>
      <c r="Q9" s="5" t="s">
        <v>20</v>
      </c>
    </row>
    <row r="10" spans="1:18" ht="21.95" customHeight="1">
      <c r="B10" s="64"/>
      <c r="C10" s="65"/>
      <c r="D10" s="65"/>
      <c r="E10" s="65"/>
      <c r="F10" s="65"/>
      <c r="G10" s="65"/>
      <c r="H10" s="66"/>
      <c r="I10" s="54"/>
      <c r="J10" s="6" t="s">
        <v>9</v>
      </c>
      <c r="K10" s="6" t="s">
        <v>10</v>
      </c>
      <c r="L10" s="6" t="s">
        <v>11</v>
      </c>
      <c r="M10" s="6" t="s">
        <v>12</v>
      </c>
      <c r="N10" s="6" t="s">
        <v>13</v>
      </c>
      <c r="O10" s="6" t="s">
        <v>14</v>
      </c>
      <c r="P10" s="6" t="s">
        <v>15</v>
      </c>
      <c r="Q10" s="6" t="s">
        <v>16</v>
      </c>
    </row>
    <row r="11" spans="1:18" ht="45" customHeight="1">
      <c r="B11" s="55" t="s">
        <v>25</v>
      </c>
      <c r="C11" s="56"/>
      <c r="D11" s="56"/>
      <c r="E11" s="56"/>
      <c r="F11" s="56"/>
      <c r="G11" s="56"/>
      <c r="H11" s="57"/>
      <c r="I11" s="9">
        <v>2000000</v>
      </c>
      <c r="J11" s="9">
        <v>2000000</v>
      </c>
      <c r="K11" s="9">
        <v>33844116363</v>
      </c>
      <c r="L11" s="9">
        <v>28836541786</v>
      </c>
      <c r="M11" s="9">
        <f>K11-L11</f>
        <v>5007574577</v>
      </c>
      <c r="N11" s="7">
        <v>1.4999999999999999E-2</v>
      </c>
      <c r="O11" s="9">
        <f>ROUND(M11*N11,0.1)</f>
        <v>75113619</v>
      </c>
      <c r="P11" s="9">
        <v>0</v>
      </c>
      <c r="Q11" s="9">
        <f>J11-P11</f>
        <v>2000000</v>
      </c>
    </row>
    <row r="12" spans="1:18" ht="21.95" customHeight="1">
      <c r="B12" s="58" t="s">
        <v>0</v>
      </c>
      <c r="C12" s="59"/>
      <c r="D12" s="59"/>
      <c r="E12" s="59"/>
      <c r="F12" s="59"/>
      <c r="G12" s="59"/>
      <c r="H12" s="60"/>
      <c r="I12" s="9">
        <f>SUM(I11:I11)</f>
        <v>2000000</v>
      </c>
      <c r="J12" s="9">
        <f>SUM(J11:J11)</f>
        <v>2000000</v>
      </c>
      <c r="K12" s="10"/>
      <c r="L12" s="10"/>
      <c r="M12" s="10"/>
      <c r="N12" s="10"/>
      <c r="O12" s="10"/>
      <c r="P12" s="9">
        <f>SUM(P11:P11)</f>
        <v>0</v>
      </c>
      <c r="Q12" s="9">
        <f>SUM(Q11:Q11)</f>
        <v>2000000</v>
      </c>
    </row>
  </sheetData>
  <mergeCells count="5">
    <mergeCell ref="I9:I10"/>
    <mergeCell ref="B11:H11"/>
    <mergeCell ref="B12:H12"/>
    <mergeCell ref="B9:H10"/>
    <mergeCell ref="A5:R6"/>
  </mergeCells>
  <phoneticPr fontId="23"/>
  <printOptions horizontalCentered="1"/>
  <pageMargins left="0.39370078740157483" right="0.39370078740157483" top="0.55118110236220474" bottom="0.43307086614173229" header="0.59055118110236227" footer="0.31496062992125984"/>
  <pageSetup paperSize="9" scale="41" fitToHeight="0" orientation="landscape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19"/>
  <sheetViews>
    <sheetView showGridLines="0" view="pageBreakPreview" zoomScale="60" zoomScaleNormal="55" workbookViewId="0"/>
  </sheetViews>
  <sheetFormatPr defaultColWidth="8.875" defaultRowHeight="18.75"/>
  <cols>
    <col min="1" max="1" width="2.625" style="22" customWidth="1"/>
    <col min="2" max="3" width="3.5" style="22" customWidth="1"/>
    <col min="4" max="4" width="6.5" style="22" customWidth="1"/>
    <col min="5" max="7" width="3.5" style="22" customWidth="1"/>
    <col min="8" max="8" width="21.75" style="22" customWidth="1"/>
    <col min="9" max="14" width="31.125" style="22" customWidth="1"/>
    <col min="15" max="15" width="2.625" style="22" customWidth="1"/>
    <col min="16" max="16384" width="8.875" style="22"/>
  </cols>
  <sheetData>
    <row r="1" spans="2:14" s="2" customFormat="1" ht="22.5" customHeight="1">
      <c r="B1" s="8" t="s">
        <v>22</v>
      </c>
    </row>
    <row r="2" spans="2:14" s="2" customFormat="1" ht="22.5" customHeight="1">
      <c r="B2" s="8" t="s">
        <v>23</v>
      </c>
    </row>
    <row r="3" spans="2:14" s="2" customFormat="1" ht="22.5" customHeight="1">
      <c r="B3" s="8" t="s">
        <v>61</v>
      </c>
    </row>
    <row r="5" spans="2:14">
      <c r="B5" s="67" t="s">
        <v>78</v>
      </c>
      <c r="C5" s="68"/>
      <c r="D5" s="68"/>
      <c r="E5" s="68"/>
      <c r="F5" s="68"/>
      <c r="G5" s="68"/>
      <c r="H5" s="68"/>
      <c r="I5" s="68"/>
      <c r="J5" s="68"/>
      <c r="K5" s="68"/>
      <c r="L5" s="68"/>
      <c r="M5" s="68"/>
      <c r="N5" s="68"/>
    </row>
    <row r="6" spans="2:14">
      <c r="B6" s="68"/>
      <c r="C6" s="68"/>
      <c r="D6" s="68"/>
      <c r="E6" s="68"/>
      <c r="F6" s="68"/>
      <c r="G6" s="68"/>
      <c r="H6" s="68"/>
      <c r="I6" s="68"/>
      <c r="J6" s="68"/>
      <c r="K6" s="68"/>
      <c r="L6" s="68"/>
      <c r="M6" s="68"/>
      <c r="N6" s="68"/>
    </row>
    <row r="7" spans="2:14">
      <c r="B7" s="69"/>
      <c r="C7" s="69"/>
      <c r="D7" s="69"/>
      <c r="F7" s="26"/>
      <c r="N7" s="25" t="s">
        <v>77</v>
      </c>
    </row>
    <row r="8" spans="2:14" ht="20.100000000000001" customHeight="1">
      <c r="B8" s="70" t="s">
        <v>76</v>
      </c>
      <c r="C8" s="71"/>
      <c r="D8" s="71"/>
      <c r="E8" s="71"/>
      <c r="F8" s="71"/>
      <c r="G8" s="71"/>
      <c r="H8" s="72"/>
      <c r="I8" s="76" t="s">
        <v>57</v>
      </c>
      <c r="J8" s="76" t="s">
        <v>56</v>
      </c>
      <c r="K8" s="78" t="s">
        <v>55</v>
      </c>
      <c r="L8" s="79"/>
      <c r="M8" s="80"/>
      <c r="N8" s="81" t="s">
        <v>75</v>
      </c>
    </row>
    <row r="9" spans="2:14" ht="20.100000000000001" customHeight="1">
      <c r="B9" s="73"/>
      <c r="C9" s="74"/>
      <c r="D9" s="74"/>
      <c r="E9" s="74"/>
      <c r="F9" s="74"/>
      <c r="G9" s="74"/>
      <c r="H9" s="75"/>
      <c r="I9" s="77"/>
      <c r="J9" s="77"/>
      <c r="K9" s="24" t="s">
        <v>74</v>
      </c>
      <c r="L9" s="24" t="s">
        <v>73</v>
      </c>
      <c r="M9" s="24" t="s">
        <v>72</v>
      </c>
      <c r="N9" s="82"/>
    </row>
    <row r="10" spans="2:14" ht="31.7" customHeight="1">
      <c r="B10" s="83" t="s">
        <v>71</v>
      </c>
      <c r="C10" s="83"/>
      <c r="D10" s="83"/>
      <c r="E10" s="83"/>
      <c r="F10" s="83"/>
      <c r="G10" s="83"/>
      <c r="H10" s="83"/>
      <c r="I10" s="23">
        <v>0</v>
      </c>
      <c r="J10" s="23">
        <v>0</v>
      </c>
      <c r="K10" s="23">
        <v>0</v>
      </c>
      <c r="L10" s="23">
        <v>0</v>
      </c>
      <c r="M10" s="23">
        <v>0</v>
      </c>
      <c r="N10" s="23">
        <v>0</v>
      </c>
    </row>
    <row r="11" spans="2:14" ht="31.7" customHeight="1">
      <c r="B11" s="83" t="s">
        <v>70</v>
      </c>
      <c r="C11" s="83"/>
      <c r="D11" s="83"/>
      <c r="E11" s="83"/>
      <c r="F11" s="83"/>
      <c r="G11" s="83"/>
      <c r="H11" s="83"/>
      <c r="I11" s="23">
        <v>0</v>
      </c>
      <c r="J11" s="23">
        <v>0</v>
      </c>
      <c r="K11" s="23">
        <v>0</v>
      </c>
      <c r="L11" s="23">
        <v>0</v>
      </c>
      <c r="M11" s="23">
        <v>0</v>
      </c>
      <c r="N11" s="23">
        <v>0</v>
      </c>
    </row>
    <row r="12" spans="2:14" ht="31.7" customHeight="1">
      <c r="B12" s="83" t="s">
        <v>69</v>
      </c>
      <c r="C12" s="83"/>
      <c r="D12" s="83"/>
      <c r="E12" s="83"/>
      <c r="F12" s="83"/>
      <c r="G12" s="83"/>
      <c r="H12" s="83"/>
      <c r="I12" s="23">
        <v>0</v>
      </c>
      <c r="J12" s="23">
        <v>0</v>
      </c>
      <c r="K12" s="23">
        <v>0</v>
      </c>
      <c r="L12" s="23">
        <v>0</v>
      </c>
      <c r="M12" s="23">
        <v>0</v>
      </c>
      <c r="N12" s="23">
        <v>0</v>
      </c>
    </row>
    <row r="13" spans="2:14" ht="31.7" customHeight="1">
      <c r="B13" s="83" t="s">
        <v>68</v>
      </c>
      <c r="C13" s="83"/>
      <c r="D13" s="83"/>
      <c r="E13" s="83"/>
      <c r="F13" s="83"/>
      <c r="G13" s="83"/>
      <c r="H13" s="83"/>
      <c r="I13" s="23">
        <v>0</v>
      </c>
      <c r="J13" s="23">
        <v>0</v>
      </c>
      <c r="K13" s="23">
        <v>0</v>
      </c>
      <c r="L13" s="23">
        <v>0</v>
      </c>
      <c r="M13" s="23">
        <v>0</v>
      </c>
      <c r="N13" s="23">
        <v>0</v>
      </c>
    </row>
    <row r="14" spans="2:14" ht="31.7" customHeight="1">
      <c r="B14" s="83" t="s">
        <v>67</v>
      </c>
      <c r="C14" s="83"/>
      <c r="D14" s="83"/>
      <c r="E14" s="83"/>
      <c r="F14" s="83"/>
      <c r="G14" s="83"/>
      <c r="H14" s="83"/>
      <c r="I14" s="23">
        <v>0</v>
      </c>
      <c r="J14" s="23">
        <v>0</v>
      </c>
      <c r="K14" s="23">
        <v>0</v>
      </c>
      <c r="L14" s="23">
        <v>0</v>
      </c>
      <c r="M14" s="23">
        <v>0</v>
      </c>
      <c r="N14" s="23">
        <v>0</v>
      </c>
    </row>
    <row r="15" spans="2:14" ht="31.7" customHeight="1">
      <c r="B15" s="83" t="s">
        <v>66</v>
      </c>
      <c r="C15" s="83"/>
      <c r="D15" s="83"/>
      <c r="E15" s="83"/>
      <c r="F15" s="83"/>
      <c r="G15" s="83"/>
      <c r="H15" s="83"/>
      <c r="I15" s="23">
        <v>0</v>
      </c>
      <c r="J15" s="23">
        <v>0</v>
      </c>
      <c r="K15" s="23">
        <v>0</v>
      </c>
      <c r="L15" s="23">
        <v>0</v>
      </c>
      <c r="M15" s="23">
        <v>0</v>
      </c>
      <c r="N15" s="23">
        <v>0</v>
      </c>
    </row>
    <row r="16" spans="2:14" ht="31.7" customHeight="1">
      <c r="B16" s="83" t="s">
        <v>65</v>
      </c>
      <c r="C16" s="83"/>
      <c r="D16" s="83"/>
      <c r="E16" s="83"/>
      <c r="F16" s="83"/>
      <c r="G16" s="83"/>
      <c r="H16" s="83"/>
      <c r="I16" s="23">
        <v>35905512</v>
      </c>
      <c r="J16" s="23">
        <v>37423720</v>
      </c>
      <c r="K16" s="23">
        <v>35905512</v>
      </c>
      <c r="L16" s="23">
        <v>0</v>
      </c>
      <c r="M16" s="23">
        <v>35905512</v>
      </c>
      <c r="N16" s="23">
        <v>37423720</v>
      </c>
    </row>
    <row r="17" spans="2:14" ht="31.7" customHeight="1">
      <c r="B17" s="83" t="s">
        <v>64</v>
      </c>
      <c r="C17" s="83"/>
      <c r="D17" s="83"/>
      <c r="E17" s="83"/>
      <c r="F17" s="83"/>
      <c r="G17" s="83"/>
      <c r="H17" s="83"/>
      <c r="I17" s="23">
        <v>419509884</v>
      </c>
      <c r="J17" s="23">
        <v>84169016</v>
      </c>
      <c r="K17" s="23">
        <v>8225684</v>
      </c>
      <c r="L17" s="23">
        <v>55269242</v>
      </c>
      <c r="M17" s="23">
        <v>63494926</v>
      </c>
      <c r="N17" s="23">
        <v>440183974</v>
      </c>
    </row>
    <row r="18" spans="2:14" ht="31.7" customHeight="1">
      <c r="B18" s="83" t="s">
        <v>63</v>
      </c>
      <c r="C18" s="83"/>
      <c r="D18" s="83"/>
      <c r="E18" s="83"/>
      <c r="F18" s="83"/>
      <c r="G18" s="83"/>
      <c r="H18" s="83"/>
      <c r="I18" s="23">
        <v>0</v>
      </c>
      <c r="J18" s="23">
        <v>0</v>
      </c>
      <c r="K18" s="23">
        <v>0</v>
      </c>
      <c r="L18" s="23">
        <v>0</v>
      </c>
      <c r="M18" s="23">
        <v>0</v>
      </c>
      <c r="N18" s="23">
        <v>0</v>
      </c>
    </row>
    <row r="19" spans="2:14" ht="31.7" customHeight="1">
      <c r="B19" s="84" t="s">
        <v>62</v>
      </c>
      <c r="C19" s="84"/>
      <c r="D19" s="84"/>
      <c r="E19" s="84"/>
      <c r="F19" s="84"/>
      <c r="G19" s="84"/>
      <c r="H19" s="84"/>
      <c r="I19" s="23">
        <v>455415396</v>
      </c>
      <c r="J19" s="23">
        <v>121592736</v>
      </c>
      <c r="K19" s="23">
        <v>44131196</v>
      </c>
      <c r="L19" s="23">
        <v>55269242</v>
      </c>
      <c r="M19" s="23">
        <v>99400438</v>
      </c>
      <c r="N19" s="23">
        <v>477607694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23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5</vt:i4>
      </vt:variant>
    </vt:vector>
  </HeadingPairs>
  <TitlesOfParts>
    <vt:vector size="9" baseType="lpstr">
      <vt:lpstr>注記</vt:lpstr>
      <vt:lpstr>有形固定資産等明細表</vt:lpstr>
      <vt:lpstr>出資金明細</vt:lpstr>
      <vt:lpstr>引当金明細表</vt:lpstr>
      <vt:lpstr>引当金明細表!Print_Area</vt:lpstr>
      <vt:lpstr>出資金明細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8-10-04T04:17:33Z</dcterms:created>
  <dcterms:modified xsi:type="dcterms:W3CDTF">2018-10-04T04:17:37Z</dcterms:modified>
</cp:coreProperties>
</file>